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R:\group\02_施設G\22_会議・統計\12_公立スポーツ施設設置状況調査\04_とりまとめ\03_起案（公表用データ）\04_決裁後差し替え\"/>
    </mc:Choice>
  </mc:AlternateContent>
  <bookViews>
    <workbookView xWindow="0" yWindow="0" windowWidth="18156" windowHeight="6252"/>
  </bookViews>
  <sheets>
    <sheet name="調査票14" sheetId="9" r:id="rId1"/>
    <sheet name="記載例_調査票14" sheetId="10" r:id="rId2"/>
    <sheet name="リスト" sheetId="3" r:id="rId3"/>
  </sheets>
  <externalReferences>
    <externalReference r:id="rId4"/>
    <externalReference r:id="rId5"/>
  </externalReferences>
  <definedNames>
    <definedName name="_xlnm.Print_Titles" localSheetId="1">記載例_調査票14!$1:$3</definedName>
    <definedName name="_xlnm.Print_Titles" localSheetId="0">調査票14!$1:$3</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L45" i="9" l="1"/>
</calcChain>
</file>

<file path=xl/comments1.xml><?xml version="1.0" encoding="utf-8"?>
<comments xmlns="http://schemas.openxmlformats.org/spreadsheetml/2006/main">
  <authors>
    <author>hayashi</author>
  </authors>
  <commentList>
    <comment ref="D2" authorId="0" shapeId="0">
      <text>
        <r>
          <rPr>
            <b/>
            <sz val="9"/>
            <color indexed="81"/>
            <rFont val="MS P ゴシック"/>
            <family val="3"/>
            <charset val="128"/>
          </rPr>
          <t>施設内に複数の運動場等がある場合は、適宜行を分けて記載してください。</t>
        </r>
      </text>
    </comment>
    <comment ref="H2" authorId="0" shapeId="0">
      <text>
        <r>
          <rPr>
            <b/>
            <sz val="9"/>
            <color indexed="81"/>
            <rFont val="MS P ゴシック"/>
            <family val="3"/>
            <charset val="128"/>
          </rPr>
          <t>設置または指定した年次を記入してください。移設、従来施設の転用、他の団体からの移管等があった場合は最新の年を、改築については当初の年を記入してください。</t>
        </r>
      </text>
    </comment>
    <comment ref="L2" authorId="0" shapeId="0">
      <text>
        <r>
          <rPr>
            <b/>
            <sz val="9"/>
            <color indexed="81"/>
            <rFont val="MS P ゴシック"/>
            <family val="3"/>
            <charset val="128"/>
          </rPr>
          <t>面数や面積は、施設の性質上記載が難しい場合、適宜「―」を記載してください。</t>
        </r>
      </text>
    </comment>
    <comment ref="M2" authorId="0" shapeId="0">
      <text>
        <r>
          <rPr>
            <b/>
            <sz val="9"/>
            <color indexed="81"/>
            <rFont val="MS P ゴシック"/>
            <family val="3"/>
            <charset val="128"/>
          </rPr>
          <t xml:space="preserve">主な設備等を記載してください。
</t>
        </r>
      </text>
    </comment>
    <comment ref="N2" authorId="0" shapeId="0">
      <text>
        <r>
          <rPr>
            <b/>
            <sz val="9"/>
            <color indexed="81"/>
            <rFont val="MS P ゴシック"/>
            <family val="3"/>
            <charset val="128"/>
          </rPr>
          <t>観客席がない場合には「0」を記載してください。</t>
        </r>
      </text>
    </comment>
    <comment ref="W2" authorId="0" shapeId="0">
      <text>
        <r>
          <rPr>
            <b/>
            <sz val="9"/>
            <color indexed="81"/>
            <rFont val="MS P ゴシック"/>
            <family val="3"/>
            <charset val="128"/>
          </rPr>
          <t>回答した内容に補足等がある場合には、この備考欄に記載してください。</t>
        </r>
      </text>
    </comment>
    <comment ref="X2" authorId="0" shapeId="0">
      <text>
        <r>
          <rPr>
            <b/>
            <sz val="9"/>
            <color indexed="81"/>
            <rFont val="MS P ゴシック"/>
            <family val="3"/>
            <charset val="128"/>
          </rPr>
          <t>令和５年度の利用者数を記載してください。なお、利用人数及び、調査票１でお伺いする登録団体数は公表いたしません。</t>
        </r>
      </text>
    </comment>
    <comment ref="B3" authorId="0" shapeId="0">
      <text>
        <r>
          <rPr>
            <b/>
            <sz val="9"/>
            <color indexed="81"/>
            <rFont val="MS P ゴシック"/>
            <family val="3"/>
            <charset val="128"/>
          </rPr>
          <t>「設置者」「施設名」「郵便番号」「所在地」「電話番号」欄については、原則調査票１と同一の内容を記載してください。</t>
        </r>
      </text>
    </comment>
  </commentList>
</comments>
</file>

<file path=xl/sharedStrings.xml><?xml version="1.0" encoding="utf-8"?>
<sst xmlns="http://schemas.openxmlformats.org/spreadsheetml/2006/main" count="4617" uniqueCount="1003">
  <si>
    <t>施設名</t>
    <rPh sb="0" eb="2">
      <t>シセツ</t>
    </rPh>
    <rPh sb="2" eb="3">
      <t>メイ</t>
    </rPh>
    <phoneticPr fontId="1"/>
  </si>
  <si>
    <t>郵便番号</t>
    <rPh sb="0" eb="4">
      <t>ユウビンバンゴウ</t>
    </rPh>
    <phoneticPr fontId="1"/>
  </si>
  <si>
    <t>所在地</t>
    <rPh sb="0" eb="3">
      <t>ショザイチ</t>
    </rPh>
    <phoneticPr fontId="1"/>
  </si>
  <si>
    <t>電話番号</t>
    <rPh sb="0" eb="2">
      <t>デンワ</t>
    </rPh>
    <rPh sb="2" eb="4">
      <t>バンゴウ</t>
    </rPh>
    <phoneticPr fontId="1"/>
  </si>
  <si>
    <t>設置者</t>
    <rPh sb="0" eb="2">
      <t>セッチ</t>
    </rPh>
    <rPh sb="2" eb="3">
      <t>シャ</t>
    </rPh>
    <phoneticPr fontId="1"/>
  </si>
  <si>
    <t>自治体名</t>
    <rPh sb="0" eb="3">
      <t>ジチタイ</t>
    </rPh>
    <rPh sb="3" eb="4">
      <t>メイ</t>
    </rPh>
    <phoneticPr fontId="1"/>
  </si>
  <si>
    <t>所管課名</t>
    <rPh sb="0" eb="2">
      <t>ショカン</t>
    </rPh>
    <rPh sb="2" eb="3">
      <t>カ</t>
    </rPh>
    <rPh sb="3" eb="4">
      <t>メイ</t>
    </rPh>
    <phoneticPr fontId="1"/>
  </si>
  <si>
    <t>面数</t>
    <rPh sb="0" eb="1">
      <t>メン</t>
    </rPh>
    <rPh sb="1" eb="2">
      <t>スウ</t>
    </rPh>
    <phoneticPr fontId="1"/>
  </si>
  <si>
    <t>観客席数</t>
    <rPh sb="0" eb="3">
      <t>カンキャクセキ</t>
    </rPh>
    <rPh sb="3" eb="4">
      <t>スウ</t>
    </rPh>
    <phoneticPr fontId="1"/>
  </si>
  <si>
    <t>エレベーター</t>
    <phoneticPr fontId="1"/>
  </si>
  <si>
    <t>面積
（㎡）</t>
    <rPh sb="0" eb="2">
      <t>メンセキ</t>
    </rPh>
    <phoneticPr fontId="1"/>
  </si>
  <si>
    <t>入口等
スロープ</t>
    <rPh sb="0" eb="1">
      <t>イ</t>
    </rPh>
    <rPh sb="1" eb="2">
      <t>グチ</t>
    </rPh>
    <rPh sb="2" eb="3">
      <t>トウ</t>
    </rPh>
    <phoneticPr fontId="1"/>
  </si>
  <si>
    <t>トイレ</t>
    <phoneticPr fontId="1"/>
  </si>
  <si>
    <t>車椅子対応</t>
    <rPh sb="0" eb="3">
      <t>クルマイス</t>
    </rPh>
    <rPh sb="3" eb="5">
      <t>タイオウ</t>
    </rPh>
    <phoneticPr fontId="1"/>
  </si>
  <si>
    <t>オストメイト対応</t>
    <rPh sb="6" eb="8">
      <t>タイオウ</t>
    </rPh>
    <phoneticPr fontId="1"/>
  </si>
  <si>
    <t>備考</t>
    <rPh sb="0" eb="2">
      <t>ビコウ</t>
    </rPh>
    <phoneticPr fontId="1"/>
  </si>
  <si>
    <t>設置年
（西暦）</t>
    <rPh sb="0" eb="2">
      <t>セッチ</t>
    </rPh>
    <rPh sb="2" eb="3">
      <t>ネン</t>
    </rPh>
    <rPh sb="5" eb="7">
      <t>セイレキ</t>
    </rPh>
    <phoneticPr fontId="1"/>
  </si>
  <si>
    <t>施設分類</t>
    <rPh sb="0" eb="2">
      <t>シセツ</t>
    </rPh>
    <rPh sb="2" eb="3">
      <t>ブン</t>
    </rPh>
    <rPh sb="3" eb="4">
      <t>ルイ</t>
    </rPh>
    <phoneticPr fontId="1"/>
  </si>
  <si>
    <t>冷暖房設備</t>
    <rPh sb="0" eb="3">
      <t>レイダンボウ</t>
    </rPh>
    <rPh sb="3" eb="5">
      <t>セツビ</t>
    </rPh>
    <phoneticPr fontId="1"/>
  </si>
  <si>
    <t>車椅子競技での
使用可否</t>
    <rPh sb="0" eb="3">
      <t>クルマイス</t>
    </rPh>
    <rPh sb="3" eb="5">
      <t>キョウギ</t>
    </rPh>
    <rPh sb="8" eb="10">
      <t>シヨウ</t>
    </rPh>
    <rPh sb="10" eb="12">
      <t>カヒ</t>
    </rPh>
    <phoneticPr fontId="1"/>
  </si>
  <si>
    <t>バレーボール場（屋外）</t>
    <rPh sb="6" eb="7">
      <t>バ</t>
    </rPh>
    <rPh sb="8" eb="10">
      <t>オクガイ</t>
    </rPh>
    <phoneticPr fontId="1"/>
  </si>
  <si>
    <t>バスケットボール場（屋外）</t>
    <rPh sb="8" eb="9">
      <t>バ</t>
    </rPh>
    <rPh sb="10" eb="12">
      <t>オクガイ</t>
    </rPh>
    <phoneticPr fontId="1"/>
  </si>
  <si>
    <t>卓球場</t>
    <rPh sb="0" eb="2">
      <t>タッキュウ</t>
    </rPh>
    <rPh sb="2" eb="3">
      <t>バ</t>
    </rPh>
    <phoneticPr fontId="1"/>
  </si>
  <si>
    <t>馬場</t>
    <rPh sb="0" eb="2">
      <t>ババ</t>
    </rPh>
    <phoneticPr fontId="1"/>
  </si>
  <si>
    <t>アイススケート場（屋内）</t>
    <rPh sb="7" eb="8">
      <t>バ</t>
    </rPh>
    <rPh sb="9" eb="11">
      <t>オクナイ</t>
    </rPh>
    <phoneticPr fontId="1"/>
  </si>
  <si>
    <t>アイススケート場（屋外）</t>
    <rPh sb="7" eb="8">
      <t>バ</t>
    </rPh>
    <rPh sb="9" eb="11">
      <t>オクガイ</t>
    </rPh>
    <phoneticPr fontId="1"/>
  </si>
  <si>
    <t>山の家・林間学校</t>
    <rPh sb="0" eb="1">
      <t>ヤマ</t>
    </rPh>
    <rPh sb="2" eb="3">
      <t>イエ</t>
    </rPh>
    <rPh sb="4" eb="6">
      <t>リンカン</t>
    </rPh>
    <rPh sb="6" eb="8">
      <t>ガッコウ</t>
    </rPh>
    <phoneticPr fontId="1"/>
  </si>
  <si>
    <t>レスリング場</t>
    <rPh sb="5" eb="6">
      <t>バ</t>
    </rPh>
    <phoneticPr fontId="1"/>
  </si>
  <si>
    <t>ボクシング場</t>
    <rPh sb="5" eb="6">
      <t>バ</t>
    </rPh>
    <phoneticPr fontId="1"/>
  </si>
  <si>
    <t>ダンス場（ダンススタジオ）</t>
    <rPh sb="3" eb="4">
      <t>バ</t>
    </rPh>
    <phoneticPr fontId="1"/>
  </si>
  <si>
    <t>射撃場（ライフル・けん銃・クレー等）</t>
    <rPh sb="0" eb="3">
      <t>シャゲキジョウ</t>
    </rPh>
    <rPh sb="11" eb="12">
      <t>ジュウ</t>
    </rPh>
    <rPh sb="16" eb="17">
      <t>トウ</t>
    </rPh>
    <phoneticPr fontId="1"/>
  </si>
  <si>
    <t>ゴルフ場</t>
    <rPh sb="3" eb="4">
      <t>バ</t>
    </rPh>
    <phoneticPr fontId="1"/>
  </si>
  <si>
    <t>ゴルフ練習場</t>
    <rPh sb="3" eb="5">
      <t>レンシュウ</t>
    </rPh>
    <rPh sb="5" eb="6">
      <t>バ</t>
    </rPh>
    <phoneticPr fontId="1"/>
  </si>
  <si>
    <t>ボウリング場</t>
    <rPh sb="5" eb="6">
      <t>バ</t>
    </rPh>
    <phoneticPr fontId="1"/>
  </si>
  <si>
    <t>漕艇場</t>
    <rPh sb="0" eb="2">
      <t>ソウテイ</t>
    </rPh>
    <rPh sb="2" eb="3">
      <t>ジョウ</t>
    </rPh>
    <phoneticPr fontId="1"/>
  </si>
  <si>
    <t>スカッシュ・ラケットボール場</t>
    <rPh sb="13" eb="14">
      <t>バ</t>
    </rPh>
    <phoneticPr fontId="1"/>
  </si>
  <si>
    <t>ヨット場（マリーナ）</t>
    <rPh sb="3" eb="4">
      <t>バ</t>
    </rPh>
    <phoneticPr fontId="1"/>
  </si>
  <si>
    <t>スキー・スノーボード場</t>
    <rPh sb="10" eb="11">
      <t>バ</t>
    </rPh>
    <phoneticPr fontId="1"/>
  </si>
  <si>
    <t>キャンプ場</t>
    <rPh sb="4" eb="5">
      <t>バ</t>
    </rPh>
    <phoneticPr fontId="1"/>
  </si>
  <si>
    <t>ハイキングコース</t>
    <phoneticPr fontId="1"/>
  </si>
  <si>
    <t>サイクリングコース</t>
    <phoneticPr fontId="1"/>
  </si>
  <si>
    <t>オリエンテーリングコース</t>
    <phoneticPr fontId="1"/>
  </si>
  <si>
    <t>ランニングコース</t>
    <phoneticPr fontId="1"/>
  </si>
  <si>
    <t>冒険遊具コース</t>
    <rPh sb="0" eb="2">
      <t>ボウケン</t>
    </rPh>
    <rPh sb="2" eb="4">
      <t>ユウグ</t>
    </rPh>
    <phoneticPr fontId="1"/>
  </si>
  <si>
    <t>海の家・海水浴場等の施設</t>
    <rPh sb="0" eb="1">
      <t>ウミ</t>
    </rPh>
    <rPh sb="2" eb="3">
      <t>イエ</t>
    </rPh>
    <rPh sb="4" eb="7">
      <t>カイスイヨク</t>
    </rPh>
    <rPh sb="7" eb="8">
      <t>ジョウ</t>
    </rPh>
    <rPh sb="8" eb="9">
      <t>トウ</t>
    </rPh>
    <rPh sb="10" eb="12">
      <t>シセツ</t>
    </rPh>
    <phoneticPr fontId="1"/>
  </si>
  <si>
    <t>河川・湖沼等の遊泳場</t>
    <rPh sb="0" eb="2">
      <t>カセン</t>
    </rPh>
    <rPh sb="3" eb="5">
      <t>コショウ</t>
    </rPh>
    <rPh sb="5" eb="6">
      <t>トウ</t>
    </rPh>
    <rPh sb="7" eb="9">
      <t>ユウエイ</t>
    </rPh>
    <rPh sb="9" eb="10">
      <t>バ</t>
    </rPh>
    <phoneticPr fontId="1"/>
  </si>
  <si>
    <t>スカイスポーツ施設</t>
    <rPh sb="7" eb="9">
      <t>シセツ</t>
    </rPh>
    <phoneticPr fontId="1"/>
  </si>
  <si>
    <t>その他</t>
    <rPh sb="2" eb="3">
      <t>タ</t>
    </rPh>
    <phoneticPr fontId="1"/>
  </si>
  <si>
    <t>主な設備等</t>
    <rPh sb="0" eb="1">
      <t>オモ</t>
    </rPh>
    <rPh sb="2" eb="4">
      <t>セツビ</t>
    </rPh>
    <rPh sb="4" eb="5">
      <t>トウ</t>
    </rPh>
    <phoneticPr fontId="1"/>
  </si>
  <si>
    <t>相模湖漕艇場</t>
    <rPh sb="0" eb="2">
      <t>サガミ</t>
    </rPh>
    <rPh sb="2" eb="3">
      <t>コ</t>
    </rPh>
    <rPh sb="3" eb="5">
      <t>ソウテイ</t>
    </rPh>
    <rPh sb="5" eb="6">
      <t>ジョウ</t>
    </rPh>
    <phoneticPr fontId="1"/>
  </si>
  <si>
    <t>252-0171</t>
    <phoneticPr fontId="1"/>
  </si>
  <si>
    <t>相模原市緑区与瀬340</t>
    <phoneticPr fontId="1"/>
  </si>
  <si>
    <t>042-684-2339</t>
    <phoneticPr fontId="1"/>
  </si>
  <si>
    <t>神奈川県</t>
    <rPh sb="0" eb="4">
      <t>カナガワケン</t>
    </rPh>
    <phoneticPr fontId="1"/>
  </si>
  <si>
    <t>スポーツ課</t>
    <rPh sb="4" eb="5">
      <t>カ</t>
    </rPh>
    <phoneticPr fontId="1"/>
  </si>
  <si>
    <t>○</t>
  </si>
  <si>
    <t>×</t>
  </si>
  <si>
    <t>山岳スポーツセンター</t>
    <rPh sb="0" eb="2">
      <t>サンガク</t>
    </rPh>
    <phoneticPr fontId="1"/>
  </si>
  <si>
    <t>259-1306</t>
    <phoneticPr fontId="1"/>
  </si>
  <si>
    <t>秦野市戸川1392</t>
    <phoneticPr fontId="1"/>
  </si>
  <si>
    <t>0463-87-9025</t>
    <phoneticPr fontId="1"/>
  </si>
  <si>
    <t>宮ケ瀬湖カヌー場</t>
    <rPh sb="0" eb="3">
      <t>ミヤガセ</t>
    </rPh>
    <rPh sb="3" eb="4">
      <t>コ</t>
    </rPh>
    <rPh sb="7" eb="8">
      <t>バ</t>
    </rPh>
    <phoneticPr fontId="1"/>
  </si>
  <si>
    <t>243-0111</t>
    <phoneticPr fontId="1"/>
  </si>
  <si>
    <t>清川村宮ケ瀬1676-3</t>
    <phoneticPr fontId="1"/>
  </si>
  <si>
    <t>046-288-3600</t>
    <phoneticPr fontId="1"/>
  </si>
  <si>
    <t>艇庫、桟橋、水上施設、競技コース
※競技コース：1,000m、500m、200m 水上決勝審判台、発艇補助台</t>
    <phoneticPr fontId="1"/>
  </si>
  <si>
    <t>屋外スピードウォール（15ｍ）</t>
    <phoneticPr fontId="1"/>
  </si>
  <si>
    <t>屋外リードクライミングウォール（斜度可変式、高さ15m、巾３m）</t>
    <phoneticPr fontId="1"/>
  </si>
  <si>
    <t>屋内リードクライミングウォール（固定式・研修室内、高さ５m、巾５m）</t>
    <phoneticPr fontId="1"/>
  </si>
  <si>
    <t>―</t>
    <phoneticPr fontId="1"/>
  </si>
  <si>
    <t>シャワー</t>
    <phoneticPr fontId="1"/>
  </si>
  <si>
    <t>ロッカー</t>
    <phoneticPr fontId="1"/>
  </si>
  <si>
    <t>大会のみ可</t>
    <rPh sb="0" eb="2">
      <t>タイカイ</t>
    </rPh>
    <rPh sb="4" eb="5">
      <t>カ</t>
    </rPh>
    <phoneticPr fontId="1"/>
  </si>
  <si>
    <t>屋外トラバースウォール（高さ２m、巾46m）</t>
    <rPh sb="0" eb="2">
      <t>オクガイ</t>
    </rPh>
    <phoneticPr fontId="1"/>
  </si>
  <si>
    <t>令和５年度利用状況
（公表しない）</t>
    <rPh sb="0" eb="2">
      <t>レイワ</t>
    </rPh>
    <rPh sb="3" eb="5">
      <t>ネンド</t>
    </rPh>
    <rPh sb="5" eb="7">
      <t>リヨウ</t>
    </rPh>
    <rPh sb="7" eb="9">
      <t>ジョウキョウ</t>
    </rPh>
    <rPh sb="11" eb="13">
      <t>コウヒョウ</t>
    </rPh>
    <phoneticPr fontId="1"/>
  </si>
  <si>
    <t>利用人数</t>
    <rPh sb="0" eb="2">
      <t>リヨウ</t>
    </rPh>
    <rPh sb="2" eb="4">
      <t>ニンズウ</t>
    </rPh>
    <phoneticPr fontId="1"/>
  </si>
  <si>
    <t>クライミングパーク</t>
  </si>
  <si>
    <t>クライミングパーク</t>
    <phoneticPr fontId="1"/>
  </si>
  <si>
    <t>調査票14（その他施設）</t>
    <rPh sb="0" eb="3">
      <t>チョウサヒョウ</t>
    </rPh>
    <rPh sb="8" eb="9">
      <t>タ</t>
    </rPh>
    <rPh sb="9" eb="11">
      <t>シセツ</t>
    </rPh>
    <phoneticPr fontId="1"/>
  </si>
  <si>
    <t>県立スポーツセンター</t>
    <rPh sb="0" eb="2">
      <t>ケンリツ</t>
    </rPh>
    <phoneticPr fontId="1"/>
  </si>
  <si>
    <t>251-0871</t>
    <phoneticPr fontId="1"/>
  </si>
  <si>
    <t>藤沢市善行７－１－２</t>
    <rPh sb="0" eb="3">
      <t>フジサワシ</t>
    </rPh>
    <rPh sb="3" eb="5">
      <t>ゼンギョウ</t>
    </rPh>
    <phoneticPr fontId="1"/>
  </si>
  <si>
    <t>0466-81-2570</t>
    <phoneticPr fontId="1"/>
  </si>
  <si>
    <t>ボクシングリング、トレーニングバッグ（58kg×４、38kg×２）,パンチングボール×２</t>
    <phoneticPr fontId="1"/>
  </si>
  <si>
    <t>藤沢市善行７－１－３</t>
    <rPh sb="0" eb="3">
      <t>フジサワシ</t>
    </rPh>
    <rPh sb="3" eb="5">
      <t>ゼンギョウ</t>
    </rPh>
    <phoneticPr fontId="1"/>
  </si>
  <si>
    <t>ハイブリッドピスト、審判機</t>
    <rPh sb="10" eb="12">
      <t>シンパン</t>
    </rPh>
    <rPh sb="12" eb="13">
      <t>キ</t>
    </rPh>
    <phoneticPr fontId="1"/>
  </si>
  <si>
    <t>藤沢市善行７－１－４</t>
    <rPh sb="0" eb="3">
      <t>フジサワシ</t>
    </rPh>
    <rPh sb="3" eb="5">
      <t>ゼンギョウ</t>
    </rPh>
    <phoneticPr fontId="1"/>
  </si>
  <si>
    <t>プラットフォーム、
プラットフォーム（練習用）×８、
スクワットスタンド×２、ベンチプレス台×３</t>
    <rPh sb="19" eb="22">
      <t>レンシュウヨウ</t>
    </rPh>
    <phoneticPr fontId="1"/>
  </si>
  <si>
    <t>スポーツアリーナ２ウエイトリフティングフロア</t>
    <phoneticPr fontId="1"/>
  </si>
  <si>
    <t>スポーツアリーナ２フェンシングフロア</t>
    <phoneticPr fontId="1"/>
  </si>
  <si>
    <t>スポーツアリーナ２ボクシングフロア</t>
    <phoneticPr fontId="1"/>
  </si>
  <si>
    <t>国際課</t>
    <rPh sb="0" eb="3">
      <t>コクサイカ</t>
    </rPh>
    <phoneticPr fontId="1"/>
  </si>
  <si>
    <t>神奈川県立地球市民かながわプラザ</t>
    <phoneticPr fontId="1"/>
  </si>
  <si>
    <t>247-0007</t>
    <phoneticPr fontId="1"/>
  </si>
  <si>
    <t>横浜市栄区小菅ケ谷１－２－１</t>
    <phoneticPr fontId="1"/>
  </si>
  <si>
    <t>045-896-2121</t>
    <phoneticPr fontId="1"/>
  </si>
  <si>
    <t>-</t>
    <phoneticPr fontId="1"/>
  </si>
  <si>
    <t>創作スタジオ；120㎡　（体操、ダンス等）
企画展示室；290㎡　（体操、ダンス等）
ワークショップルーム：93㎡　（体操、ダンス等）
多目的室：165㎡　（体操、ダンス等）</t>
    <phoneticPr fontId="1"/>
  </si>
  <si>
    <t>西湘スポーツセンター</t>
    <rPh sb="0" eb="2">
      <t>セイショウ</t>
    </rPh>
    <phoneticPr fontId="1"/>
  </si>
  <si>
    <t>256-0817</t>
    <phoneticPr fontId="1"/>
  </si>
  <si>
    <t>小田原市西酒匂1-1-26</t>
    <rPh sb="0" eb="4">
      <t>オダワラシ</t>
    </rPh>
    <rPh sb="4" eb="5">
      <t>ニシ</t>
    </rPh>
    <rPh sb="5" eb="7">
      <t>サカワ</t>
    </rPh>
    <phoneticPr fontId="1"/>
  </si>
  <si>
    <t>0465-48-2650</t>
    <phoneticPr fontId="1"/>
  </si>
  <si>
    <t>105
49</t>
    <phoneticPr fontId="1"/>
  </si>
  <si>
    <t>大会議室
小会議室</t>
    <rPh sb="0" eb="1">
      <t>ダイ</t>
    </rPh>
    <rPh sb="1" eb="4">
      <t>カイギシツ</t>
    </rPh>
    <phoneticPr fontId="1"/>
  </si>
  <si>
    <t>大会議室は用具無しの運動可能。会場は2階。更衣室に温水シャワー・ロッカー有。車椅子トイレは1階有。</t>
    <rPh sb="0" eb="4">
      <t>ダイカイギシツ</t>
    </rPh>
    <rPh sb="5" eb="8">
      <t>ヨウグナ</t>
    </rPh>
    <rPh sb="10" eb="14">
      <t>ウンドウカノウ</t>
    </rPh>
    <rPh sb="15" eb="17">
      <t>カイジョウ</t>
    </rPh>
    <rPh sb="19" eb="20">
      <t>カイ</t>
    </rPh>
    <phoneticPr fontId="1"/>
  </si>
  <si>
    <t>2,000mコース（6レーン、日本ローイング協会公認B級）、1,000mコース（6レーン、日本ローイング協会公認B級）、艇庫（収容可能艇数226艇）</t>
    <rPh sb="15" eb="17">
      <t>ニホン</t>
    </rPh>
    <rPh sb="22" eb="24">
      <t>キョウカイ</t>
    </rPh>
    <rPh sb="54" eb="56">
      <t>コウニン</t>
    </rPh>
    <rPh sb="57" eb="58">
      <t>キュウ</t>
    </rPh>
    <rPh sb="60" eb="62">
      <t>テイコ</t>
    </rPh>
    <rPh sb="63" eb="65">
      <t>シュウヨウ</t>
    </rPh>
    <rPh sb="65" eb="67">
      <t>カノウ</t>
    </rPh>
    <rPh sb="67" eb="68">
      <t>テイ</t>
    </rPh>
    <rPh sb="68" eb="69">
      <t>スウ</t>
    </rPh>
    <rPh sb="72" eb="73">
      <t>テイ</t>
    </rPh>
    <phoneticPr fontId="1"/>
  </si>
  <si>
    <t>オストメイト対応は、地下トイレ1か所</t>
    <rPh sb="6" eb="8">
      <t>タイオウ</t>
    </rPh>
    <rPh sb="10" eb="12">
      <t>チカ</t>
    </rPh>
    <rPh sb="17" eb="18">
      <t>ショ</t>
    </rPh>
    <phoneticPr fontId="1"/>
  </si>
  <si>
    <t>伊勢原射撃場</t>
    <rPh sb="0" eb="3">
      <t>イセハラ</t>
    </rPh>
    <rPh sb="3" eb="6">
      <t>シャゲキジョウ</t>
    </rPh>
    <phoneticPr fontId="1"/>
  </si>
  <si>
    <t>259-1141</t>
    <phoneticPr fontId="1"/>
  </si>
  <si>
    <t>伊勢原市上粕屋2380</t>
    <rPh sb="0" eb="4">
      <t>イセハラシ</t>
    </rPh>
    <rPh sb="4" eb="7">
      <t>カミカスヤ</t>
    </rPh>
    <phoneticPr fontId="1"/>
  </si>
  <si>
    <t>0463-92-7882</t>
    <phoneticPr fontId="1"/>
  </si>
  <si>
    <t>クレー射撃場（トラップ射場３面、スキート射場２面）</t>
    <rPh sb="3" eb="5">
      <t>シャゲキ</t>
    </rPh>
    <rPh sb="5" eb="6">
      <t>バ</t>
    </rPh>
    <rPh sb="11" eb="13">
      <t>シャバ</t>
    </rPh>
    <rPh sb="14" eb="15">
      <t>メン</t>
    </rPh>
    <rPh sb="20" eb="22">
      <t>シャバ</t>
    </rPh>
    <rPh sb="23" eb="24">
      <t>メン</t>
    </rPh>
    <phoneticPr fontId="1"/>
  </si>
  <si>
    <t>0463-92-7880</t>
    <phoneticPr fontId="1"/>
  </si>
  <si>
    <t>第一ライフル射撃場（小口径50m26的、エアライフル10m26的）</t>
    <rPh sb="0" eb="2">
      <t>ダイイチ</t>
    </rPh>
    <rPh sb="6" eb="8">
      <t>シャゲキ</t>
    </rPh>
    <rPh sb="8" eb="9">
      <t>バ</t>
    </rPh>
    <rPh sb="10" eb="13">
      <t>ショウコウケイ</t>
    </rPh>
    <rPh sb="18" eb="19">
      <t>マト</t>
    </rPh>
    <rPh sb="31" eb="32">
      <t>マト</t>
    </rPh>
    <phoneticPr fontId="1"/>
  </si>
  <si>
    <t>大口径射撃場（100m5的、50m5的）</t>
    <rPh sb="0" eb="3">
      <t>ダイコウケイ</t>
    </rPh>
    <rPh sb="3" eb="5">
      <t>シャゲキ</t>
    </rPh>
    <rPh sb="5" eb="6">
      <t>バ</t>
    </rPh>
    <rPh sb="12" eb="13">
      <t>マト</t>
    </rPh>
    <rPh sb="18" eb="19">
      <t>マト</t>
    </rPh>
    <phoneticPr fontId="1"/>
  </si>
  <si>
    <t>自然環境保全センター</t>
    <rPh sb="0" eb="2">
      <t>シゼン</t>
    </rPh>
    <rPh sb="2" eb="4">
      <t>カンキョウ</t>
    </rPh>
    <rPh sb="4" eb="6">
      <t>ホゼン</t>
    </rPh>
    <phoneticPr fontId="1"/>
  </si>
  <si>
    <t>関東ふれあいの道
三浦・岩礁のみち</t>
  </si>
  <si>
    <t>三浦市</t>
  </si>
  <si>
    <t>046-248-2546</t>
    <phoneticPr fontId="1"/>
  </si>
  <si>
    <t>ハイキングコース</t>
  </si>
  <si>
    <t>関東ふれあいの道
油壺・入江のみち</t>
  </si>
  <si>
    <t>関東ふれあいの道
荒崎・潮騒のみち</t>
  </si>
  <si>
    <t>三浦市～横須賀市</t>
  </si>
  <si>
    <t>関東ふれあいの道
佐島・大楠山のみち</t>
  </si>
  <si>
    <t>横須賀市～葉山町</t>
  </si>
  <si>
    <t>関東ふれあいの道
稲村ヶ崎・磯づたいのみち</t>
  </si>
  <si>
    <t>鎌倉市～藤沢市</t>
  </si>
  <si>
    <t>関東ふれあいの道
湘南海岸・砂浜のみち</t>
  </si>
  <si>
    <t>藤沢市～茅ヶ崎市</t>
  </si>
  <si>
    <t>関東ふれあいの道
大磯・高麗山のみち</t>
  </si>
  <si>
    <t>平塚市～大磯町</t>
  </si>
  <si>
    <t>関東ふれあいの道
鷹取山・里のみち</t>
  </si>
  <si>
    <t>大磯町～平塚市～秦野市</t>
  </si>
  <si>
    <t>関東ふれあいの道
弘法大師と桜のみち</t>
  </si>
  <si>
    <t>秦野市～伊勢原市</t>
  </si>
  <si>
    <t>関東ふれあいの道
太田道灌・日向薬師のみち</t>
  </si>
  <si>
    <t>伊勢原市</t>
  </si>
  <si>
    <t>関東ふれあいの道
順礼峠のみち</t>
  </si>
  <si>
    <t>伊勢原市～厚木市～清川村</t>
  </si>
  <si>
    <t>関東ふれあいの道
丹沢山塊東辺のみち</t>
  </si>
  <si>
    <t>清川村～愛川町</t>
  </si>
  <si>
    <t>関東ふれあいの道
山里から津久井湖へのみち</t>
  </si>
  <si>
    <t>相模原市</t>
  </si>
  <si>
    <t>関東ふれあいの道
峰の薬師へのみち</t>
  </si>
  <si>
    <t>関東ふれあいの道
弘法大師と丹沢へのみち</t>
  </si>
  <si>
    <t>秦野市</t>
  </si>
  <si>
    <t>関東ふれあいの道
大山参り蓑毛のみち</t>
  </si>
  <si>
    <t>関東ふれあいの道
北条武田合戦場のみち</t>
  </si>
  <si>
    <t>清川村～厚木市～愛川町～相模原市</t>
  </si>
  <si>
    <t>東海自然歩道</t>
  </si>
  <si>
    <t>相模原市～山北町</t>
  </si>
  <si>
    <t>湖尻集団施設地区運動広場</t>
    <phoneticPr fontId="6"/>
  </si>
  <si>
    <t>足柄下郡箱根町元箱根旧札場164</t>
  </si>
  <si>
    <t>0460-86-3300</t>
    <phoneticPr fontId="1"/>
  </si>
  <si>
    <t>森林再生課</t>
    <rPh sb="0" eb="2">
      <t>シンリン</t>
    </rPh>
    <rPh sb="2" eb="4">
      <t>サイセイ</t>
    </rPh>
    <rPh sb="4" eb="5">
      <t>カ</t>
    </rPh>
    <phoneticPr fontId="1"/>
  </si>
  <si>
    <t>県立21世紀の森</t>
    <phoneticPr fontId="1"/>
  </si>
  <si>
    <t>250-0131</t>
    <phoneticPr fontId="1"/>
  </si>
  <si>
    <t>南足柄市内山2870-5</t>
    <phoneticPr fontId="1"/>
  </si>
  <si>
    <t>0465-72-0404</t>
    <phoneticPr fontId="1"/>
  </si>
  <si>
    <t>コース合計　約８．５km</t>
    <rPh sb="6" eb="7">
      <t>ヤク</t>
    </rPh>
    <phoneticPr fontId="1"/>
  </si>
  <si>
    <t>神奈川県</t>
    <rPh sb="0" eb="3">
      <t>カナガワ</t>
    </rPh>
    <rPh sb="3" eb="4">
      <t>ケン</t>
    </rPh>
    <phoneticPr fontId="1"/>
  </si>
  <si>
    <t>飯山白山森林公園</t>
    <phoneticPr fontId="1"/>
  </si>
  <si>
    <t>243-0213</t>
    <phoneticPr fontId="1"/>
  </si>
  <si>
    <t>厚木市飯山</t>
    <phoneticPr fontId="1"/>
  </si>
  <si>
    <t>なし</t>
    <phoneticPr fontId="1"/>
  </si>
  <si>
    <t>ハイキングコース　約６km</t>
    <rPh sb="9" eb="10">
      <t>ヤク</t>
    </rPh>
    <phoneticPr fontId="1"/>
  </si>
  <si>
    <t>×</t>
    <phoneticPr fontId="1"/>
  </si>
  <si>
    <t>小田原土木センター</t>
    <rPh sb="0" eb="3">
      <t>オダワラ</t>
    </rPh>
    <rPh sb="3" eb="5">
      <t>ドボク</t>
    </rPh>
    <phoneticPr fontId="1"/>
  </si>
  <si>
    <t>おだわら諏訪の原公園</t>
    <rPh sb="4" eb="6">
      <t>スワ</t>
    </rPh>
    <rPh sb="7" eb="8">
      <t>ハラ</t>
    </rPh>
    <rPh sb="8" eb="10">
      <t>コウエン</t>
    </rPh>
    <phoneticPr fontId="1"/>
  </si>
  <si>
    <t>250-0055</t>
  </si>
  <si>
    <t>小田原市久野3821-1</t>
    <rPh sb="0" eb="4">
      <t>オダワラシ</t>
    </rPh>
    <rPh sb="4" eb="6">
      <t>クノ</t>
    </rPh>
    <phoneticPr fontId="1"/>
  </si>
  <si>
    <t>0465-34-0404</t>
  </si>
  <si>
    <t>-</t>
  </si>
  <si>
    <t>園路</t>
    <rPh sb="0" eb="2">
      <t>エンロ</t>
    </rPh>
    <phoneticPr fontId="1"/>
  </si>
  <si>
    <t>小田原市のハイキングコースに指定されているものの、各施設への移動距離と時間の記載のみで、園内をどれくらい歩くかなどは決定されていないため、諏訪の原公園に滞在し、園路のみを歩く場合について記載します。
冷暖房やエレベーターはパークセンタにあります。
利用人数は来園者数を記載します。</t>
    <rPh sb="0" eb="4">
      <t>オダワラシ</t>
    </rPh>
    <rPh sb="14" eb="16">
      <t>シテイ</t>
    </rPh>
    <rPh sb="25" eb="26">
      <t>カク</t>
    </rPh>
    <rPh sb="26" eb="28">
      <t>シセツ</t>
    </rPh>
    <rPh sb="30" eb="32">
      <t>イドウ</t>
    </rPh>
    <rPh sb="32" eb="34">
      <t>キョリ</t>
    </rPh>
    <rPh sb="35" eb="37">
      <t>ジカン</t>
    </rPh>
    <rPh sb="38" eb="40">
      <t>キサイ</t>
    </rPh>
    <rPh sb="44" eb="46">
      <t>エンナイ</t>
    </rPh>
    <rPh sb="52" eb="53">
      <t>アル</t>
    </rPh>
    <rPh sb="58" eb="60">
      <t>ケッテイ</t>
    </rPh>
    <rPh sb="69" eb="71">
      <t>スワ</t>
    </rPh>
    <rPh sb="72" eb="75">
      <t>ハラコウエン</t>
    </rPh>
    <rPh sb="76" eb="78">
      <t>タイザイ</t>
    </rPh>
    <rPh sb="80" eb="82">
      <t>エンロ</t>
    </rPh>
    <rPh sb="85" eb="86">
      <t>アル</t>
    </rPh>
    <rPh sb="87" eb="89">
      <t>バアイ</t>
    </rPh>
    <rPh sb="93" eb="95">
      <t>キサイ</t>
    </rPh>
    <rPh sb="100" eb="103">
      <t>レイダンボウ</t>
    </rPh>
    <rPh sb="124" eb="126">
      <t>リヨウ</t>
    </rPh>
    <rPh sb="126" eb="128">
      <t>ニンズウ</t>
    </rPh>
    <rPh sb="129" eb="132">
      <t>ライエンシャ</t>
    </rPh>
    <rPh sb="132" eb="133">
      <t>スウ</t>
    </rPh>
    <rPh sb="134" eb="136">
      <t>キサイ</t>
    </rPh>
    <phoneticPr fontId="1"/>
  </si>
  <si>
    <t>横浜川崎治水事務所</t>
    <rPh sb="0" eb="2">
      <t>ヨコハマ</t>
    </rPh>
    <rPh sb="2" eb="4">
      <t>カワサキ</t>
    </rPh>
    <rPh sb="4" eb="6">
      <t>チスイ</t>
    </rPh>
    <rPh sb="6" eb="8">
      <t>ジム</t>
    </rPh>
    <rPh sb="8" eb="9">
      <t>ショ</t>
    </rPh>
    <phoneticPr fontId="1"/>
  </si>
  <si>
    <t>保土ケ谷公園</t>
    <rPh sb="0" eb="4">
      <t>ホドガヤ</t>
    </rPh>
    <rPh sb="4" eb="6">
      <t>コウエン</t>
    </rPh>
    <phoneticPr fontId="1"/>
  </si>
  <si>
    <t>240-0017</t>
    <phoneticPr fontId="1"/>
  </si>
  <si>
    <t>横浜市保土ケ谷区花見台ほか</t>
    <rPh sb="0" eb="3">
      <t>ヨコハマシ</t>
    </rPh>
    <rPh sb="3" eb="8">
      <t>ホドガヤク</t>
    </rPh>
    <rPh sb="8" eb="11">
      <t>ハナミダイ</t>
    </rPh>
    <phoneticPr fontId="1"/>
  </si>
  <si>
    <t>045-333-5515</t>
    <phoneticPr fontId="1"/>
  </si>
  <si>
    <t>県西土木事務所</t>
    <rPh sb="0" eb="2">
      <t>ケンセイ</t>
    </rPh>
    <rPh sb="2" eb="4">
      <t>ドボク</t>
    </rPh>
    <rPh sb="4" eb="6">
      <t>ジム</t>
    </rPh>
    <rPh sb="6" eb="7">
      <t>ショ</t>
    </rPh>
    <phoneticPr fontId="1"/>
  </si>
  <si>
    <t>山北つぶらの公園</t>
    <rPh sb="0" eb="2">
      <t>ヤマキタ</t>
    </rPh>
    <rPh sb="6" eb="8">
      <t>コウエン</t>
    </rPh>
    <phoneticPr fontId="1"/>
  </si>
  <si>
    <t>258-0122</t>
    <phoneticPr fontId="1"/>
  </si>
  <si>
    <t>足柄上郡山北町都夫良野675-5</t>
    <rPh sb="0" eb="4">
      <t>アシガラカミグン</t>
    </rPh>
    <rPh sb="4" eb="7">
      <t>ヤマキタマチ</t>
    </rPh>
    <rPh sb="7" eb="11">
      <t>ツブラノ</t>
    </rPh>
    <phoneticPr fontId="1"/>
  </si>
  <si>
    <t>0465-75-0570</t>
    <phoneticPr fontId="1"/>
  </si>
  <si>
    <t>ネットトンネル（6.5m）、ネットブリッジ（計26m）、展望デッキ（6㎡）など</t>
    <rPh sb="22" eb="23">
      <t>ケイ</t>
    </rPh>
    <rPh sb="28" eb="30">
      <t>テンボウ</t>
    </rPh>
    <phoneticPr fontId="1"/>
  </si>
  <si>
    <t>東部センター</t>
    <rPh sb="0" eb="2">
      <t>トウブ</t>
    </rPh>
    <phoneticPr fontId="1"/>
  </si>
  <si>
    <t>相模三川公園</t>
    <rPh sb="0" eb="2">
      <t>サガミ</t>
    </rPh>
    <rPh sb="2" eb="4">
      <t>サンセン</t>
    </rPh>
    <rPh sb="4" eb="6">
      <t>コウエン</t>
    </rPh>
    <phoneticPr fontId="1"/>
  </si>
  <si>
    <t>243-0434</t>
  </si>
  <si>
    <t>海老名市上郷2-1-1</t>
    <rPh sb="0" eb="4">
      <t>エビナシ</t>
    </rPh>
    <rPh sb="4" eb="6">
      <t>カミゴウ</t>
    </rPh>
    <phoneticPr fontId="1"/>
  </si>
  <si>
    <t>046-236-5008</t>
  </si>
  <si>
    <t>パークゴルフ場</t>
    <rPh sb="6" eb="7">
      <t>バ</t>
    </rPh>
    <phoneticPr fontId="1"/>
  </si>
  <si>
    <t xml:space="preserve">・面数は本ホール９、子供用ホール２
・トイレはパークセンター
</t>
  </si>
  <si>
    <t>河港課（藤沢土木事務所）</t>
    <rPh sb="0" eb="2">
      <t>カコウ</t>
    </rPh>
    <rPh sb="2" eb="3">
      <t>カ</t>
    </rPh>
    <rPh sb="4" eb="6">
      <t>フジサワ</t>
    </rPh>
    <rPh sb="6" eb="8">
      <t>ドボク</t>
    </rPh>
    <rPh sb="8" eb="10">
      <t>ジム</t>
    </rPh>
    <rPh sb="10" eb="11">
      <t>ショ</t>
    </rPh>
    <phoneticPr fontId="1"/>
  </si>
  <si>
    <t>湘南港</t>
    <rPh sb="0" eb="2">
      <t>ショウナン</t>
    </rPh>
    <rPh sb="2" eb="3">
      <t>コウ</t>
    </rPh>
    <phoneticPr fontId="1"/>
  </si>
  <si>
    <t>251-0036</t>
    <phoneticPr fontId="1"/>
  </si>
  <si>
    <t>藤沢市江の島1-12-2</t>
    <rPh sb="0" eb="3">
      <t>フジサワシ</t>
    </rPh>
    <rPh sb="3" eb="4">
      <t>エ</t>
    </rPh>
    <rPh sb="5" eb="6">
      <t>シマ</t>
    </rPh>
    <phoneticPr fontId="1"/>
  </si>
  <si>
    <t>0466-22-2128</t>
    <phoneticPr fontId="1"/>
  </si>
  <si>
    <t>ヨット泊地約29,000㎡ 陸地保管敷地面積約28,000㎡、約1,050隻</t>
    <rPh sb="22" eb="23">
      <t>ヤク</t>
    </rPh>
    <phoneticPr fontId="1"/>
  </si>
  <si>
    <t>・面積は主な設備等に記載
・車椅子使用者がヨットに乗っての競技は可能</t>
    <rPh sb="1" eb="3">
      <t>メンセキ</t>
    </rPh>
    <rPh sb="4" eb="5">
      <t>オモ</t>
    </rPh>
    <rPh sb="6" eb="8">
      <t>セツビ</t>
    </rPh>
    <rPh sb="8" eb="9">
      <t>トウ</t>
    </rPh>
    <rPh sb="10" eb="12">
      <t>キサイ</t>
    </rPh>
    <rPh sb="14" eb="17">
      <t>クルマイス</t>
    </rPh>
    <rPh sb="17" eb="20">
      <t>シヨウシャ</t>
    </rPh>
    <rPh sb="25" eb="26">
      <t>ノ</t>
    </rPh>
    <rPh sb="29" eb="31">
      <t>キョウギ</t>
    </rPh>
    <rPh sb="32" eb="34">
      <t>カノウ</t>
    </rPh>
    <phoneticPr fontId="1"/>
  </si>
  <si>
    <t>河港課（横須賀土木事務所）</t>
    <rPh sb="0" eb="2">
      <t>カコウ</t>
    </rPh>
    <rPh sb="2" eb="3">
      <t>カ</t>
    </rPh>
    <rPh sb="4" eb="7">
      <t>ヨコスカ</t>
    </rPh>
    <rPh sb="7" eb="9">
      <t>ドボク</t>
    </rPh>
    <rPh sb="9" eb="11">
      <t>ジム</t>
    </rPh>
    <rPh sb="11" eb="12">
      <t>ショ</t>
    </rPh>
    <phoneticPr fontId="1"/>
  </si>
  <si>
    <t>葉山港</t>
    <rPh sb="0" eb="2">
      <t>ハヤマ</t>
    </rPh>
    <rPh sb="2" eb="3">
      <t>コウ</t>
    </rPh>
    <phoneticPr fontId="1"/>
  </si>
  <si>
    <t>240-0012</t>
    <phoneticPr fontId="1"/>
  </si>
  <si>
    <t>三浦郡葉山町堀内50番地</t>
    <rPh sb="0" eb="2">
      <t>ミウラ</t>
    </rPh>
    <rPh sb="2" eb="3">
      <t>グン</t>
    </rPh>
    <rPh sb="3" eb="6">
      <t>ハヤママチ</t>
    </rPh>
    <rPh sb="6" eb="8">
      <t>ホリウチ</t>
    </rPh>
    <rPh sb="10" eb="12">
      <t>バンチ</t>
    </rPh>
    <phoneticPr fontId="1"/>
  </si>
  <si>
    <t>046-875-1504</t>
    <phoneticPr fontId="1"/>
  </si>
  <si>
    <t>ヨット泊地約17,000㎡、 陸地保管敷地面積 8,664㎡、約370隻</t>
    <phoneticPr fontId="1"/>
  </si>
  <si>
    <t>流域下水道整備事務所</t>
    <rPh sb="0" eb="10">
      <t>リュウイキゲスイドウセイビジムショ</t>
    </rPh>
    <phoneticPr fontId="1"/>
  </si>
  <si>
    <t>四之宮ふれあい広場</t>
    <phoneticPr fontId="1"/>
  </si>
  <si>
    <t>254-0014</t>
    <phoneticPr fontId="1"/>
  </si>
  <si>
    <t>平塚市四之宮4-19-1</t>
    <phoneticPr fontId="1"/>
  </si>
  <si>
    <t>(広場受付)0463-54-8700
(四之宮水再生センター)0463-55-7417</t>
    <phoneticPr fontId="1"/>
  </si>
  <si>
    <t>コート（コンクリート製ウレタン塗装）、ゴール</t>
    <rPh sb="10" eb="11">
      <t>セイ</t>
    </rPh>
    <rPh sb="15" eb="17">
      <t>トソウ</t>
    </rPh>
    <phoneticPr fontId="1"/>
  </si>
  <si>
    <t>横浜市</t>
    <rPh sb="0" eb="3">
      <t>ヨコハマシ</t>
    </rPh>
    <phoneticPr fontId="1"/>
  </si>
  <si>
    <t>港南区地域振興課</t>
    <rPh sb="0" eb="3">
      <t>コウナンク</t>
    </rPh>
    <rPh sb="3" eb="8">
      <t>チイキシンコウカ</t>
    </rPh>
    <phoneticPr fontId="1"/>
  </si>
  <si>
    <t>下野庭スポーツ会館</t>
    <rPh sb="0" eb="3">
      <t>シモノバ</t>
    </rPh>
    <rPh sb="7" eb="9">
      <t>カイカン</t>
    </rPh>
    <phoneticPr fontId="1"/>
  </si>
  <si>
    <t>234-0056</t>
    <phoneticPr fontId="1"/>
  </si>
  <si>
    <t>横浜市港南区野庭町136-4</t>
    <rPh sb="0" eb="3">
      <t>ヨコハマシ</t>
    </rPh>
    <rPh sb="3" eb="6">
      <t>コウナンク</t>
    </rPh>
    <rPh sb="6" eb="9">
      <t>ノバチョウ</t>
    </rPh>
    <phoneticPr fontId="1"/>
  </si>
  <si>
    <t>045-842-9624</t>
    <phoneticPr fontId="1"/>
  </si>
  <si>
    <t>屋外ひろば</t>
    <rPh sb="0" eb="2">
      <t>オクガイ</t>
    </rPh>
    <phoneticPr fontId="1"/>
  </si>
  <si>
    <t>横浜市</t>
    <rPh sb="0" eb="2">
      <t>ヨコハマ</t>
    </rPh>
    <rPh sb="2" eb="3">
      <t>シ</t>
    </rPh>
    <phoneticPr fontId="1"/>
  </si>
  <si>
    <t>保土ケ谷区地域振興課</t>
    <rPh sb="0" eb="5">
      <t>ホドガヤク</t>
    </rPh>
    <rPh sb="5" eb="10">
      <t>チイキシンコウカ</t>
    </rPh>
    <phoneticPr fontId="1"/>
  </si>
  <si>
    <t>保土ケ谷スポーツセンター</t>
    <rPh sb="0" eb="4">
      <t>ホドガヤ</t>
    </rPh>
    <phoneticPr fontId="1"/>
  </si>
  <si>
    <t>240-0005</t>
  </si>
  <si>
    <t>横浜市保土ケ谷区神戸町129-2</t>
    <rPh sb="0" eb="3">
      <t>ヨコハマシ</t>
    </rPh>
    <rPh sb="3" eb="8">
      <t>ホドガヤク</t>
    </rPh>
    <rPh sb="8" eb="11">
      <t>ゴウドチョウ</t>
    </rPh>
    <phoneticPr fontId="1"/>
  </si>
  <si>
    <t>045-336-4633</t>
  </si>
  <si>
    <t>放送設備</t>
    <rPh sb="0" eb="4">
      <t>ホウソウセツビ</t>
    </rPh>
    <phoneticPr fontId="1"/>
  </si>
  <si>
    <t>ランニングコース</t>
  </si>
  <si>
    <t>１周160ｍ</t>
    <rPh sb="1" eb="2">
      <t>シュウ</t>
    </rPh>
    <phoneticPr fontId="1"/>
  </si>
  <si>
    <t>青葉区地域振興課</t>
    <rPh sb="0" eb="3">
      <t>アオバク</t>
    </rPh>
    <rPh sb="3" eb="8">
      <t>チイキシンコウカ</t>
    </rPh>
    <phoneticPr fontId="1"/>
  </si>
  <si>
    <t>山内地区センター</t>
    <rPh sb="0" eb="2">
      <t>ヤマウチ</t>
    </rPh>
    <rPh sb="2" eb="4">
      <t>チク</t>
    </rPh>
    <phoneticPr fontId="1"/>
  </si>
  <si>
    <t>225-0011</t>
    <phoneticPr fontId="1"/>
  </si>
  <si>
    <t>横浜市青葉区あざみ野2-3-2</t>
    <rPh sb="0" eb="3">
      <t>ヨコハマシ</t>
    </rPh>
    <rPh sb="3" eb="6">
      <t>アオバク</t>
    </rPh>
    <rPh sb="9" eb="10">
      <t>ノ</t>
    </rPh>
    <phoneticPr fontId="1"/>
  </si>
  <si>
    <t>045-901-8010</t>
    <phoneticPr fontId="1"/>
  </si>
  <si>
    <t>卓球台５台</t>
    <rPh sb="0" eb="3">
      <t>タッキュウダイ</t>
    </rPh>
    <rPh sb="4" eb="5">
      <t>ダイ</t>
    </rPh>
    <phoneticPr fontId="1"/>
  </si>
  <si>
    <t>都筑区地域振興課</t>
    <rPh sb="0" eb="8">
      <t>ツヅキクチイキシンコウカ</t>
    </rPh>
    <phoneticPr fontId="1"/>
  </si>
  <si>
    <t>東山田スポーツ会館</t>
    <rPh sb="0" eb="3">
      <t>ヒガシヤマタ</t>
    </rPh>
    <rPh sb="7" eb="9">
      <t>カイカン</t>
    </rPh>
    <phoneticPr fontId="1"/>
  </si>
  <si>
    <t>224-0024</t>
    <phoneticPr fontId="1"/>
  </si>
  <si>
    <t>横浜市都筑区東山田町105-2</t>
    <rPh sb="0" eb="10">
      <t>ヨコハマシツヅキクヒガシヤマタマチ</t>
    </rPh>
    <phoneticPr fontId="1"/>
  </si>
  <si>
    <t>045-593-4682</t>
    <phoneticPr fontId="1"/>
  </si>
  <si>
    <t>広場</t>
    <rPh sb="0" eb="2">
      <t>ヒロバ</t>
    </rPh>
    <phoneticPr fontId="1"/>
  </si>
  <si>
    <t>にぎわいスポーツ文化局スポーツ振興課</t>
    <rPh sb="8" eb="11">
      <t>ブンカキョク</t>
    </rPh>
    <rPh sb="15" eb="18">
      <t>シンコウカ</t>
    </rPh>
    <phoneticPr fontId="1"/>
  </si>
  <si>
    <t>鶴見川漕艇場</t>
    <rPh sb="0" eb="6">
      <t>ツルミガワソウテイジョウ</t>
    </rPh>
    <phoneticPr fontId="1"/>
  </si>
  <si>
    <t>230-0004</t>
    <phoneticPr fontId="1"/>
  </si>
  <si>
    <t>横浜市鶴見区元宮2-6</t>
    <phoneticPr fontId="1"/>
  </si>
  <si>
    <t>045-582-8680</t>
    <phoneticPr fontId="1"/>
  </si>
  <si>
    <t>艇庫、会議室</t>
    <phoneticPr fontId="1"/>
  </si>
  <si>
    <t>こども青少年局青少年育成課</t>
    <rPh sb="3" eb="7">
      <t>セイショウネンキョク</t>
    </rPh>
    <rPh sb="7" eb="13">
      <t>セイショウネンイクセイカ</t>
    </rPh>
    <phoneticPr fontId="1"/>
  </si>
  <si>
    <t>横浜市三ツ沢公園青少年野外活動センター</t>
    <phoneticPr fontId="1"/>
  </si>
  <si>
    <t>221-0855</t>
  </si>
  <si>
    <t>横浜市神奈川区三ツ沢西町3-1</t>
    <rPh sb="0" eb="3">
      <t>ヨコハマシ</t>
    </rPh>
    <phoneticPr fontId="1"/>
  </si>
  <si>
    <t>045-314-7726</t>
  </si>
  <si>
    <t>横浜市くろがね青少年野外活動センター</t>
  </si>
  <si>
    <t>225-0025</t>
  </si>
  <si>
    <t>横浜市青葉区鉄町1380</t>
    <rPh sb="0" eb="3">
      <t>ヨコハマシ</t>
    </rPh>
    <phoneticPr fontId="1"/>
  </si>
  <si>
    <t>045-973-2701</t>
  </si>
  <si>
    <t>横浜市こども自然公園青少年野外活動センター</t>
  </si>
  <si>
    <t>241-0834</t>
  </si>
  <si>
    <t>横浜市旭区大池町65-1</t>
    <rPh sb="0" eb="3">
      <t>ヨコハマシ</t>
    </rPh>
    <phoneticPr fontId="1"/>
  </si>
  <si>
    <t>045-811-8444</t>
  </si>
  <si>
    <t>健康福祉局障害自立支援課</t>
    <rPh sb="0" eb="5">
      <t>ケンコウフクシキョク</t>
    </rPh>
    <rPh sb="5" eb="11">
      <t>ショウガイジリツシエン</t>
    </rPh>
    <rPh sb="11" eb="12">
      <t>カ</t>
    </rPh>
    <phoneticPr fontId="1"/>
  </si>
  <si>
    <t>障害者スポーツ文化センター横浜ラポール</t>
    <rPh sb="0" eb="3">
      <t>ショウガイシャ</t>
    </rPh>
    <rPh sb="7" eb="9">
      <t>ブンカ</t>
    </rPh>
    <rPh sb="13" eb="15">
      <t>ヨコハマ</t>
    </rPh>
    <phoneticPr fontId="1"/>
  </si>
  <si>
    <t>222-0035</t>
    <phoneticPr fontId="1"/>
  </si>
  <si>
    <t>横浜市港北区鳥山町1752</t>
    <rPh sb="0" eb="3">
      <t>ヨコハマシ</t>
    </rPh>
    <rPh sb="3" eb="9">
      <t>コウホククトリヤマチョウ</t>
    </rPh>
    <phoneticPr fontId="1"/>
  </si>
  <si>
    <t>045-475-2001</t>
    <phoneticPr fontId="1"/>
  </si>
  <si>
    <t>4レーン</t>
    <phoneticPr fontId="1"/>
  </si>
  <si>
    <t>視覚障害者誘導装置</t>
    <rPh sb="0" eb="5">
      <t>シカクショウガイシャ</t>
    </rPh>
    <rPh sb="5" eb="9">
      <t>ユウドウソウチ</t>
    </rPh>
    <phoneticPr fontId="1"/>
  </si>
  <si>
    <t>障害者優先利用施設</t>
    <rPh sb="0" eb="9">
      <t>ショウガイシャユウセンリヨウシセツ</t>
    </rPh>
    <phoneticPr fontId="1"/>
  </si>
  <si>
    <t>地下トラック（１周160ｍ）</t>
    <rPh sb="0" eb="2">
      <t>チカ</t>
    </rPh>
    <rPh sb="8" eb="9">
      <t>シュウ</t>
    </rPh>
    <phoneticPr fontId="1"/>
  </si>
  <si>
    <t>ローンボウルス場</t>
    <rPh sb="7" eb="8">
      <t>ジョウ</t>
    </rPh>
    <phoneticPr fontId="1"/>
  </si>
  <si>
    <t>バウンドテニスコート</t>
    <phoneticPr fontId="1"/>
  </si>
  <si>
    <t>港湾局賑わい振興課</t>
    <rPh sb="0" eb="3">
      <t>コウワンキョク</t>
    </rPh>
    <rPh sb="3" eb="4">
      <t>ニギ</t>
    </rPh>
    <rPh sb="6" eb="9">
      <t>シンコウカ</t>
    </rPh>
    <phoneticPr fontId="1"/>
  </si>
  <si>
    <t>本牧海づり施設</t>
    <rPh sb="0" eb="2">
      <t>ホンモク</t>
    </rPh>
    <rPh sb="2" eb="3">
      <t>ウミ</t>
    </rPh>
    <rPh sb="5" eb="7">
      <t>シセツ</t>
    </rPh>
    <phoneticPr fontId="1"/>
  </si>
  <si>
    <t>231-0811</t>
    <phoneticPr fontId="1"/>
  </si>
  <si>
    <t>横浜市中区本牧ふ頭１番地</t>
    <rPh sb="0" eb="3">
      <t>ヨコハマシ</t>
    </rPh>
    <rPh sb="3" eb="5">
      <t>ナカク</t>
    </rPh>
    <rPh sb="5" eb="7">
      <t>ホンモク</t>
    </rPh>
    <rPh sb="8" eb="9">
      <t>トウ</t>
    </rPh>
    <rPh sb="10" eb="12">
      <t>バンチ</t>
    </rPh>
    <phoneticPr fontId="1"/>
  </si>
  <si>
    <t>045-623-6030</t>
    <phoneticPr fontId="1"/>
  </si>
  <si>
    <t>つりさん橋300ｍ、渡りさん橋100ｍ、護岸つり場600ｍ、管理棟、海づり広場（約1,000㎡）、駐車場</t>
    <rPh sb="4" eb="5">
      <t>バシ</t>
    </rPh>
    <rPh sb="10" eb="11">
      <t>ワタリ</t>
    </rPh>
    <rPh sb="14" eb="15">
      <t>バシ</t>
    </rPh>
    <rPh sb="20" eb="22">
      <t>ゴガン</t>
    </rPh>
    <rPh sb="24" eb="25">
      <t>バ</t>
    </rPh>
    <rPh sb="30" eb="33">
      <t>カンリトウ</t>
    </rPh>
    <rPh sb="34" eb="35">
      <t>ウミ</t>
    </rPh>
    <rPh sb="37" eb="39">
      <t>ヒロバ</t>
    </rPh>
    <rPh sb="40" eb="41">
      <t>ヤク</t>
    </rPh>
    <rPh sb="49" eb="52">
      <t>チュウシャジョウ</t>
    </rPh>
    <phoneticPr fontId="1"/>
  </si>
  <si>
    <t>大黒海づり施設</t>
    <rPh sb="0" eb="2">
      <t>ダイコク</t>
    </rPh>
    <rPh sb="2" eb="3">
      <t>ウミ</t>
    </rPh>
    <rPh sb="5" eb="7">
      <t>シセツ</t>
    </rPh>
    <phoneticPr fontId="1"/>
  </si>
  <si>
    <t>230-0054</t>
    <phoneticPr fontId="1"/>
  </si>
  <si>
    <t>横浜市鶴見区大黒ふ頭20番地先</t>
    <rPh sb="0" eb="3">
      <t>ヨコハマシ</t>
    </rPh>
    <rPh sb="3" eb="6">
      <t>ツルミク</t>
    </rPh>
    <rPh sb="6" eb="8">
      <t>ダイコク</t>
    </rPh>
    <rPh sb="9" eb="10">
      <t>トウ</t>
    </rPh>
    <rPh sb="12" eb="14">
      <t>バンチ</t>
    </rPh>
    <rPh sb="14" eb="15">
      <t>サキ</t>
    </rPh>
    <phoneticPr fontId="1"/>
  </si>
  <si>
    <t>045-506-3539</t>
    <phoneticPr fontId="1"/>
  </si>
  <si>
    <t>海づりさん橋200ｍ、渡りさん橋48.75ｍ、管理棟、駐車場</t>
    <rPh sb="0" eb="1">
      <t>ウミ</t>
    </rPh>
    <rPh sb="5" eb="6">
      <t>バシ</t>
    </rPh>
    <rPh sb="11" eb="12">
      <t>ワタリ</t>
    </rPh>
    <rPh sb="15" eb="16">
      <t>バシ</t>
    </rPh>
    <rPh sb="23" eb="26">
      <t>カンリトウ</t>
    </rPh>
    <rPh sb="27" eb="30">
      <t>チュウシャジョウ</t>
    </rPh>
    <phoneticPr fontId="1"/>
  </si>
  <si>
    <t>磯子海づり施設</t>
    <rPh sb="0" eb="2">
      <t>イソゴ</t>
    </rPh>
    <rPh sb="2" eb="3">
      <t>ウミ</t>
    </rPh>
    <rPh sb="5" eb="7">
      <t>シセツ</t>
    </rPh>
    <phoneticPr fontId="1"/>
  </si>
  <si>
    <t>235-0017</t>
    <phoneticPr fontId="1"/>
  </si>
  <si>
    <t>横浜市磯子区新磯子町39番地</t>
    <rPh sb="0" eb="3">
      <t>ヨコハマシ</t>
    </rPh>
    <rPh sb="3" eb="6">
      <t>イソゴク</t>
    </rPh>
    <rPh sb="6" eb="7">
      <t>シン</t>
    </rPh>
    <rPh sb="7" eb="10">
      <t>イソゴチョウ</t>
    </rPh>
    <rPh sb="12" eb="14">
      <t>バンチ</t>
    </rPh>
    <phoneticPr fontId="1"/>
  </si>
  <si>
    <t>045-761-1931</t>
    <phoneticPr fontId="1"/>
  </si>
  <si>
    <t>つりさん橋500ｍ、管理事務所、トイレ、駐車場</t>
    <rPh sb="4" eb="5">
      <t>バシ</t>
    </rPh>
    <rPh sb="10" eb="15">
      <t>カンリジムショ</t>
    </rPh>
    <rPh sb="20" eb="23">
      <t>チュウシャジョウ</t>
    </rPh>
    <phoneticPr fontId="1"/>
  </si>
  <si>
    <t>みどり環境局南部公園緑地事務所</t>
    <rPh sb="3" eb="6">
      <t>カンキョウキョク</t>
    </rPh>
    <rPh sb="6" eb="15">
      <t>ナンブコウエンリョクチジムショ</t>
    </rPh>
    <phoneticPr fontId="1"/>
  </si>
  <si>
    <t>野島公園</t>
    <rPh sb="0" eb="4">
      <t>ノジマコウエン</t>
    </rPh>
    <phoneticPr fontId="1"/>
  </si>
  <si>
    <t>236-0025</t>
  </si>
  <si>
    <t>横浜市金沢区野島24</t>
    <rPh sb="0" eb="3">
      <t>ヨコハマシ</t>
    </rPh>
    <phoneticPr fontId="1"/>
  </si>
  <si>
    <t>045-781-8146</t>
  </si>
  <si>
    <t>ﾊﾞｰﾍﾞｷｭｰ炉30、キャンプサイト40</t>
    <phoneticPr fontId="1"/>
  </si>
  <si>
    <t>海の公園</t>
  </si>
  <si>
    <t>236-0013</t>
  </si>
  <si>
    <t>横浜市金沢区海の公園10</t>
    <rPh sb="0" eb="3">
      <t>ヨコハマシ</t>
    </rPh>
    <phoneticPr fontId="1"/>
  </si>
  <si>
    <t>045-701-3450</t>
  </si>
  <si>
    <t>ビーチバレーコート</t>
    <phoneticPr fontId="1"/>
  </si>
  <si>
    <t>海水浴場、シャワー
※海の家は無い</t>
    <rPh sb="0" eb="4">
      <t>カイスイヨクジョウ</t>
    </rPh>
    <rPh sb="11" eb="12">
      <t>ウミ</t>
    </rPh>
    <rPh sb="13" eb="14">
      <t>イエ</t>
    </rPh>
    <rPh sb="15" eb="16">
      <t>ナシ</t>
    </rPh>
    <phoneticPr fontId="1"/>
  </si>
  <si>
    <t>海とのふれあいセンターの無料休憩スペースに冷暖房設備有</t>
    <rPh sb="12" eb="16">
      <t>ムリョウキュウケイ</t>
    </rPh>
    <rPh sb="21" eb="26">
      <t>レイダンボウセツビ</t>
    </rPh>
    <rPh sb="26" eb="27">
      <t>アリ</t>
    </rPh>
    <phoneticPr fontId="1"/>
  </si>
  <si>
    <t>野毛山公園</t>
    <rPh sb="0" eb="5">
      <t>ノゲヤマコウエン</t>
    </rPh>
    <phoneticPr fontId="1"/>
  </si>
  <si>
    <t>220-0032</t>
    <phoneticPr fontId="1"/>
  </si>
  <si>
    <t>横浜市西区老松町63-10</t>
    <rPh sb="0" eb="3">
      <t>ヨコハマシ</t>
    </rPh>
    <rPh sb="3" eb="5">
      <t>ニシク</t>
    </rPh>
    <rPh sb="5" eb="8">
      <t>オイマツチョウ</t>
    </rPh>
    <phoneticPr fontId="1"/>
  </si>
  <si>
    <t>045-231-1307</t>
    <phoneticPr fontId="1"/>
  </si>
  <si>
    <t>バスケットゴール</t>
    <phoneticPr fontId="1"/>
  </si>
  <si>
    <t>自由利用</t>
    <rPh sb="0" eb="4">
      <t>ジユウリヨウ</t>
    </rPh>
    <phoneticPr fontId="1"/>
  </si>
  <si>
    <t>根岸森林公園</t>
    <rPh sb="0" eb="6">
      <t>ネギシシンリンコウエン</t>
    </rPh>
    <phoneticPr fontId="1"/>
  </si>
  <si>
    <t>231-0853</t>
    <phoneticPr fontId="1"/>
  </si>
  <si>
    <t>横浜市中区根岸台</t>
    <rPh sb="0" eb="3">
      <t>ヨコハマシ</t>
    </rPh>
    <rPh sb="3" eb="5">
      <t>ナカク</t>
    </rPh>
    <rPh sb="5" eb="8">
      <t>ネギシダイ</t>
    </rPh>
    <phoneticPr fontId="1"/>
  </si>
  <si>
    <t>045-641-9185</t>
    <phoneticPr fontId="1"/>
  </si>
  <si>
    <t>自由利用</t>
    <phoneticPr fontId="1"/>
  </si>
  <si>
    <t>みどり環境局北部公園緑地事務所</t>
    <rPh sb="3" eb="6">
      <t>カンキョウキョク</t>
    </rPh>
    <rPh sb="6" eb="15">
      <t>ホクブコウエンリョクチジムショ</t>
    </rPh>
    <phoneticPr fontId="1"/>
  </si>
  <si>
    <t>三ツ沢公園</t>
  </si>
  <si>
    <t>045-311-0789</t>
  </si>
  <si>
    <t>馬場、厩舎</t>
    <rPh sb="0" eb="2">
      <t>ババ</t>
    </rPh>
    <rPh sb="3" eb="5">
      <t>キュウシャ</t>
    </rPh>
    <phoneticPr fontId="1"/>
  </si>
  <si>
    <t>車いす想定せず</t>
    <rPh sb="0" eb="1">
      <t>クルマ</t>
    </rPh>
    <rPh sb="3" eb="5">
      <t>ソウテイ</t>
    </rPh>
    <phoneticPr fontId="1"/>
  </si>
  <si>
    <t>新横浜公園</t>
  </si>
  <si>
    <t>222-0036</t>
  </si>
  <si>
    <t>横浜市港北区小机町3300</t>
    <rPh sb="0" eb="3">
      <t>ヨコハマシ</t>
    </rPh>
    <phoneticPr fontId="1"/>
  </si>
  <si>
    <t>045-477-5146</t>
  </si>
  <si>
    <t>クレイ１面</t>
    <rPh sb="4" eb="5">
      <t>メン</t>
    </rPh>
    <phoneticPr fontId="1"/>
  </si>
  <si>
    <t>投てき練習場</t>
    <phoneticPr fontId="1"/>
  </si>
  <si>
    <t>教育委員会事務局生涯学習文化財課</t>
    <rPh sb="0" eb="5">
      <t>キョウイクイインカイ</t>
    </rPh>
    <rPh sb="5" eb="8">
      <t>ジムキョク</t>
    </rPh>
    <rPh sb="8" eb="12">
      <t>ショウガイガクシュウ</t>
    </rPh>
    <rPh sb="12" eb="16">
      <t>ブンカザイカ</t>
    </rPh>
    <phoneticPr fontId="1"/>
  </si>
  <si>
    <t>横浜市社会教育コーナー</t>
    <rPh sb="0" eb="3">
      <t>ヨコハマシ</t>
    </rPh>
    <rPh sb="3" eb="7">
      <t>シャカイキョウイク</t>
    </rPh>
    <phoneticPr fontId="1"/>
  </si>
  <si>
    <t>235-0016</t>
    <phoneticPr fontId="1"/>
  </si>
  <si>
    <t>横浜市磯子区磯子3-6-1-1</t>
    <rPh sb="0" eb="3">
      <t>ヨコハマシ</t>
    </rPh>
    <rPh sb="3" eb="6">
      <t>イソゴク</t>
    </rPh>
    <rPh sb="6" eb="8">
      <t>イソゴ</t>
    </rPh>
    <phoneticPr fontId="1"/>
  </si>
  <si>
    <t>045-761-4321</t>
    <phoneticPr fontId="1"/>
  </si>
  <si>
    <t>大型鏡、卓球台２台、ピアノ</t>
    <rPh sb="0" eb="2">
      <t>オオガタ</t>
    </rPh>
    <rPh sb="2" eb="3">
      <t>カガミ</t>
    </rPh>
    <rPh sb="4" eb="7">
      <t>タッキュウダイ</t>
    </rPh>
    <rPh sb="8" eb="9">
      <t>ダイ</t>
    </rPh>
    <phoneticPr fontId="1"/>
  </si>
  <si>
    <t>川崎市</t>
    <rPh sb="0" eb="3">
      <t>カワサキシ</t>
    </rPh>
    <phoneticPr fontId="1"/>
  </si>
  <si>
    <t>健康福祉局保健医療政策部健康増進担当</t>
  </si>
  <si>
    <t>かわさき健康づくりセンター</t>
  </si>
  <si>
    <t>210-0844</t>
  </si>
  <si>
    <t>川崎市川崎区渡田新町3-2-1</t>
  </si>
  <si>
    <t>044-333-3741</t>
  </si>
  <si>
    <t>－</t>
    <phoneticPr fontId="1"/>
  </si>
  <si>
    <t>マット等</t>
    <rPh sb="3" eb="4">
      <t>ナド</t>
    </rPh>
    <phoneticPr fontId="1"/>
  </si>
  <si>
    <t>車いすでの使用は可能だが、車いすでの競技使用に対し床面等の耐久性を保証するものではなく、内容によっては事前に要相談</t>
    <phoneticPr fontId="1"/>
  </si>
  <si>
    <t>川崎区役所地域振興課</t>
    <rPh sb="0" eb="3">
      <t>カワサキク</t>
    </rPh>
    <rPh sb="3" eb="5">
      <t>ヤクショ</t>
    </rPh>
    <rPh sb="5" eb="7">
      <t>チイキ</t>
    </rPh>
    <rPh sb="7" eb="9">
      <t>シンコウ</t>
    </rPh>
    <rPh sb="9" eb="10">
      <t>カ</t>
    </rPh>
    <phoneticPr fontId="1"/>
  </si>
  <si>
    <t>カルッツかわさき（川崎市スポーツ・文化総合センター）</t>
    <rPh sb="9" eb="12">
      <t>カワサキシ</t>
    </rPh>
    <rPh sb="17" eb="19">
      <t>ブンカ</t>
    </rPh>
    <rPh sb="19" eb="21">
      <t>ソウゴウ</t>
    </rPh>
    <phoneticPr fontId="1"/>
  </si>
  <si>
    <t>210-0011</t>
    <phoneticPr fontId="1"/>
  </si>
  <si>
    <t>川崎区富士見1-1-4</t>
    <rPh sb="0" eb="3">
      <t>カワサキク</t>
    </rPh>
    <rPh sb="3" eb="6">
      <t>フジミ</t>
    </rPh>
    <phoneticPr fontId="1"/>
  </si>
  <si>
    <t>044-222-5211</t>
    <phoneticPr fontId="1"/>
  </si>
  <si>
    <t>研修室（研修、講習会、大会運営控室、会議等）</t>
    <rPh sb="0" eb="2">
      <t>ケンシュウ</t>
    </rPh>
    <rPh sb="2" eb="3">
      <t>シツ</t>
    </rPh>
    <rPh sb="4" eb="6">
      <t>ケンシュウ</t>
    </rPh>
    <rPh sb="7" eb="10">
      <t>コウシュウカイ</t>
    </rPh>
    <rPh sb="11" eb="13">
      <t>タイカイ</t>
    </rPh>
    <rPh sb="13" eb="15">
      <t>ウンエイ</t>
    </rPh>
    <rPh sb="15" eb="17">
      <t>ヒカエシツ</t>
    </rPh>
    <rPh sb="18" eb="20">
      <t>カイギ</t>
    </rPh>
    <rPh sb="20" eb="21">
      <t>ナド</t>
    </rPh>
    <phoneticPr fontId="1"/>
  </si>
  <si>
    <t>中原区役所地域振興課</t>
    <rPh sb="0" eb="5">
      <t>ナカハラクヤクショ</t>
    </rPh>
    <rPh sb="5" eb="7">
      <t>チイキ</t>
    </rPh>
    <rPh sb="7" eb="10">
      <t>シンコウカ</t>
    </rPh>
    <phoneticPr fontId="1"/>
  </si>
  <si>
    <t>川崎市とどろきアリーナ</t>
    <rPh sb="0" eb="3">
      <t>カワサキシ</t>
    </rPh>
    <phoneticPr fontId="1"/>
  </si>
  <si>
    <t>211-0052</t>
  </si>
  <si>
    <t>川崎市中原区等々力1-3</t>
    <rPh sb="0" eb="3">
      <t>カワサキシ</t>
    </rPh>
    <rPh sb="3" eb="6">
      <t>ナカハラク</t>
    </rPh>
    <rPh sb="6" eb="9">
      <t>トドロキ</t>
    </rPh>
    <phoneticPr fontId="1"/>
  </si>
  <si>
    <t>044-798-5000</t>
  </si>
  <si>
    <t>音響、移動鏡、ホワイトボード等</t>
    <rPh sb="0" eb="2">
      <t>オンキョウ</t>
    </rPh>
    <rPh sb="3" eb="5">
      <t>イドウ</t>
    </rPh>
    <rPh sb="5" eb="6">
      <t>カガミ</t>
    </rPh>
    <rPh sb="14" eb="15">
      <t>トウ</t>
    </rPh>
    <phoneticPr fontId="1"/>
  </si>
  <si>
    <t>主に研修室利用</t>
    <rPh sb="0" eb="1">
      <t>オモ</t>
    </rPh>
    <rPh sb="2" eb="4">
      <t>ケンシュウ</t>
    </rPh>
    <rPh sb="4" eb="5">
      <t>シツ</t>
    </rPh>
    <rPh sb="5" eb="7">
      <t>リヨウ</t>
    </rPh>
    <phoneticPr fontId="1"/>
  </si>
  <si>
    <t>浴槽、シャワー、サウナ</t>
    <rPh sb="0" eb="2">
      <t>ヨクソウ</t>
    </rPh>
    <phoneticPr fontId="1"/>
  </si>
  <si>
    <t>スポーツサウナ</t>
    <phoneticPr fontId="1"/>
  </si>
  <si>
    <t>テーブル、イス等</t>
    <rPh sb="7" eb="8">
      <t>トウ</t>
    </rPh>
    <phoneticPr fontId="1"/>
  </si>
  <si>
    <t>情報サロン</t>
    <rPh sb="0" eb="2">
      <t>ジョウホウ</t>
    </rPh>
    <phoneticPr fontId="1"/>
  </si>
  <si>
    <t>高津区役所まちづくり推進部地域振興課</t>
    <rPh sb="0" eb="5">
      <t>タカツクヤクショ</t>
    </rPh>
    <rPh sb="10" eb="12">
      <t>スイシン</t>
    </rPh>
    <rPh sb="12" eb="13">
      <t>ブ</t>
    </rPh>
    <rPh sb="13" eb="15">
      <t>チイキ</t>
    </rPh>
    <rPh sb="15" eb="17">
      <t>シンコウ</t>
    </rPh>
    <rPh sb="17" eb="18">
      <t>カ</t>
    </rPh>
    <phoneticPr fontId="1"/>
  </si>
  <si>
    <t>高津スポーツセンター</t>
    <rPh sb="0" eb="2">
      <t>タカツ</t>
    </rPh>
    <phoneticPr fontId="1"/>
  </si>
  <si>
    <t>213-0002</t>
    <phoneticPr fontId="1"/>
  </si>
  <si>
    <t>川崎市高津区二子3-15-1</t>
    <rPh sb="0" eb="3">
      <t>カワサキシ</t>
    </rPh>
    <rPh sb="3" eb="6">
      <t>タカツク</t>
    </rPh>
    <rPh sb="6" eb="8">
      <t>フタコ</t>
    </rPh>
    <phoneticPr fontId="1"/>
  </si>
  <si>
    <t>044-813-6531</t>
    <phoneticPr fontId="1"/>
  </si>
  <si>
    <t>机・イス・黒板</t>
    <rPh sb="0" eb="1">
      <t>ツクエ</t>
    </rPh>
    <rPh sb="5" eb="7">
      <t>コクバン</t>
    </rPh>
    <phoneticPr fontId="1"/>
  </si>
  <si>
    <t>施設名：研修室
会議・講演・学習会・軽運動・太極拳・空手・ジャズダンス等</t>
    <rPh sb="0" eb="2">
      <t>シセツ</t>
    </rPh>
    <rPh sb="2" eb="3">
      <t>メイ</t>
    </rPh>
    <rPh sb="4" eb="7">
      <t>ケンシュウシツ</t>
    </rPh>
    <rPh sb="8" eb="10">
      <t>カイギ</t>
    </rPh>
    <rPh sb="11" eb="13">
      <t>コウエン</t>
    </rPh>
    <rPh sb="14" eb="16">
      <t>ガクシュウ</t>
    </rPh>
    <rPh sb="16" eb="17">
      <t>カイ</t>
    </rPh>
    <rPh sb="18" eb="19">
      <t>ケイ</t>
    </rPh>
    <rPh sb="19" eb="21">
      <t>ウンドウ</t>
    </rPh>
    <rPh sb="22" eb="25">
      <t>タイキョクケン</t>
    </rPh>
    <rPh sb="26" eb="28">
      <t>カラテ</t>
    </rPh>
    <rPh sb="35" eb="36">
      <t>トウ</t>
    </rPh>
    <phoneticPr fontId="1"/>
  </si>
  <si>
    <t>施設名：幼児体育室</t>
    <rPh sb="0" eb="2">
      <t>シセツ</t>
    </rPh>
    <rPh sb="2" eb="3">
      <t>メイ</t>
    </rPh>
    <rPh sb="4" eb="6">
      <t>ヨウジ</t>
    </rPh>
    <rPh sb="6" eb="9">
      <t>タイイクシツ</t>
    </rPh>
    <phoneticPr fontId="1"/>
  </si>
  <si>
    <t>宮前区役所地域振興課</t>
    <rPh sb="0" eb="10">
      <t>ミヤマエクヤクショチイキシンコウカ</t>
    </rPh>
    <phoneticPr fontId="1"/>
  </si>
  <si>
    <t>宮前スポーツセンター</t>
  </si>
  <si>
    <t>216-0011</t>
  </si>
  <si>
    <t>宮前区犬蔵1-10-3</t>
  </si>
  <si>
    <t>044-976-6350</t>
  </si>
  <si>
    <t>―</t>
  </si>
  <si>
    <t>机、いす</t>
    <rPh sb="0" eb="1">
      <t>ツクエ</t>
    </rPh>
    <phoneticPr fontId="1"/>
  </si>
  <si>
    <t>諸室名称：研修室１</t>
    <rPh sb="5" eb="8">
      <t>ケンシュウシツ</t>
    </rPh>
    <phoneticPr fontId="1"/>
  </si>
  <si>
    <t>諸室名称：研修室２</t>
    <rPh sb="5" eb="8">
      <t>ケンシュウシツ</t>
    </rPh>
    <phoneticPr fontId="1"/>
  </si>
  <si>
    <t>多摩区役所地域振興課</t>
    <rPh sb="0" eb="5">
      <t>タマクヤクショ</t>
    </rPh>
    <rPh sb="5" eb="7">
      <t>チイキ</t>
    </rPh>
    <rPh sb="7" eb="9">
      <t>シンコウ</t>
    </rPh>
    <rPh sb="9" eb="10">
      <t>カ</t>
    </rPh>
    <phoneticPr fontId="1"/>
  </si>
  <si>
    <t>多摩スポーツセンター</t>
  </si>
  <si>
    <t>214-0008</t>
  </si>
  <si>
    <t>川崎市多摩区菅北浦4-12-5</t>
  </si>
  <si>
    <t>044-946-6030</t>
  </si>
  <si>
    <t>研修室</t>
    <rPh sb="0" eb="3">
      <t>ケンシュウシツ</t>
    </rPh>
    <phoneticPr fontId="1"/>
  </si>
  <si>
    <t>川崎市</t>
  </si>
  <si>
    <t>幸区役所生涯学習支援課</t>
  </si>
  <si>
    <t>幸市民館</t>
  </si>
  <si>
    <t>212-0023</t>
    <phoneticPr fontId="1"/>
  </si>
  <si>
    <t>幸区戸手本町1-11-2</t>
  </si>
  <si>
    <t>044-541-3910</t>
    <phoneticPr fontId="1"/>
  </si>
  <si>
    <t>卓球台5台</t>
    <rPh sb="0" eb="3">
      <t>タッキュウダイ</t>
    </rPh>
    <rPh sb="4" eb="5">
      <t>ダイ</t>
    </rPh>
    <phoneticPr fontId="1"/>
  </si>
  <si>
    <t>港湾局川崎港管理センター港湾管理課</t>
    <rPh sb="0" eb="3">
      <t>コウワンキョク</t>
    </rPh>
    <rPh sb="3" eb="8">
      <t>カワサキコウカンリ</t>
    </rPh>
    <rPh sb="12" eb="17">
      <t>コウワンカンリカ</t>
    </rPh>
    <phoneticPr fontId="1"/>
  </si>
  <si>
    <t>川崎マリエン</t>
    <rPh sb="0" eb="2">
      <t>カワサキ</t>
    </rPh>
    <phoneticPr fontId="1"/>
  </si>
  <si>
    <t>210-0869</t>
  </si>
  <si>
    <t>川崎市川崎区東扇島３８－１</t>
    <rPh sb="0" eb="9">
      <t>カワサキシカワサキクヒガシオウギシマ</t>
    </rPh>
    <phoneticPr fontId="1"/>
  </si>
  <si>
    <t>044-287-6000</t>
  </si>
  <si>
    <t>環境局生活環境部減量推進課</t>
    <rPh sb="0" eb="13">
      <t>カンキョウキョクセイカツカンキョウブゲンリョウスイシンカ</t>
    </rPh>
    <phoneticPr fontId="1"/>
  </si>
  <si>
    <t>王禅寺余熱利用市民施設</t>
  </si>
  <si>
    <t>215-0013</t>
  </si>
  <si>
    <t>麻生区王禅寺1321</t>
  </si>
  <si>
    <t>044-951-3636</t>
  </si>
  <si>
    <t>レッスンスタジオ</t>
    <phoneticPr fontId="1"/>
  </si>
  <si>
    <t>川崎市</t>
    <phoneticPr fontId="1"/>
  </si>
  <si>
    <t>建設緑政局みどり・多摩川協働推進課</t>
    <phoneticPr fontId="1"/>
  </si>
  <si>
    <t>川崎市多摩川緑地パークボール場</t>
    <phoneticPr fontId="1"/>
  </si>
  <si>
    <t>高津区宇奈根・久地地内</t>
    <phoneticPr fontId="1"/>
  </si>
  <si>
    <t>044-833-0115</t>
    <phoneticPr fontId="1"/>
  </si>
  <si>
    <t>有料コース18ﾎｰﾙ、無料コース3ホール</t>
    <rPh sb="0" eb="2">
      <t>ユウリョウ</t>
    </rPh>
    <rPh sb="11" eb="13">
      <t>ムリョウ</t>
    </rPh>
    <phoneticPr fontId="1"/>
  </si>
  <si>
    <t>みどり・多摩川協働推進課</t>
    <rPh sb="4" eb="12">
      <t>タマガワキョウドウスイシンカ</t>
    </rPh>
    <phoneticPr fontId="1"/>
  </si>
  <si>
    <t>多摩川の散歩道</t>
    <rPh sb="0" eb="3">
      <t>タマガワ</t>
    </rPh>
    <rPh sb="4" eb="7">
      <t>サンポミチ</t>
    </rPh>
    <phoneticPr fontId="8"/>
  </si>
  <si>
    <t>多摩区</t>
    <rPh sb="0" eb="3">
      <t>タマク</t>
    </rPh>
    <phoneticPr fontId="1"/>
  </si>
  <si>
    <t>044-200-2380</t>
    <phoneticPr fontId="1"/>
  </si>
  <si>
    <t>約6.0ｋｍ</t>
    <phoneticPr fontId="1"/>
  </si>
  <si>
    <t>不明</t>
    <rPh sb="0" eb="2">
      <t>フメイ</t>
    </rPh>
    <phoneticPr fontId="1"/>
  </si>
  <si>
    <t>柿生の峰をめぐる散歩道</t>
    <rPh sb="0" eb="2">
      <t>カキオ</t>
    </rPh>
    <rPh sb="3" eb="4">
      <t>ミネ</t>
    </rPh>
    <rPh sb="8" eb="11">
      <t>サンポミチ</t>
    </rPh>
    <phoneticPr fontId="8"/>
  </si>
  <si>
    <t>麻生区</t>
    <rPh sb="0" eb="3">
      <t>アサオク</t>
    </rPh>
    <phoneticPr fontId="1"/>
  </si>
  <si>
    <t>約9.2ｋｍ</t>
  </si>
  <si>
    <t>渋川・加瀬をめぐる散歩道</t>
  </si>
  <si>
    <t>中原区～多摩区</t>
    <phoneticPr fontId="1"/>
  </si>
  <si>
    <t>約7.4ｋｍ</t>
  </si>
  <si>
    <t>江川・井田山の散歩道</t>
  </si>
  <si>
    <t>高津区～中原区</t>
    <rPh sb="0" eb="3">
      <t>タカツク</t>
    </rPh>
    <rPh sb="4" eb="7">
      <t>ナカハラク</t>
    </rPh>
    <phoneticPr fontId="1"/>
  </si>
  <si>
    <t>約6.0km</t>
    <rPh sb="0" eb="1">
      <t>ヤク</t>
    </rPh>
    <phoneticPr fontId="10"/>
  </si>
  <si>
    <t>建設緑政局みどりの保全整備課</t>
    <phoneticPr fontId="1"/>
  </si>
  <si>
    <t>川崎区殿町３丁目２５番地先～川崎区鈴木町１番地先</t>
    <phoneticPr fontId="1"/>
  </si>
  <si>
    <t>044-544-6922</t>
    <phoneticPr fontId="1"/>
  </si>
  <si>
    <t>サイクリングコース</t>
  </si>
  <si>
    <t>3.6ｋｍ</t>
    <phoneticPr fontId="1"/>
  </si>
  <si>
    <t>川崎市幸区古市場～川崎市多摩区菅野戸呂</t>
    <phoneticPr fontId="1"/>
  </si>
  <si>
    <t>18.2ｋｍ</t>
    <phoneticPr fontId="1"/>
  </si>
  <si>
    <t>多摩川マラソンコース</t>
    <phoneticPr fontId="1"/>
  </si>
  <si>
    <t>幸区東古市場1-1地先～高津区久地25-5地先</t>
    <phoneticPr fontId="1"/>
  </si>
  <si>
    <t>約10.3ｋｍ</t>
    <phoneticPr fontId="1"/>
  </si>
  <si>
    <t>こども未来局</t>
    <rPh sb="3" eb="6">
      <t>ミライキョク</t>
    </rPh>
    <phoneticPr fontId="1"/>
  </si>
  <si>
    <t>青少年の家</t>
    <rPh sb="0" eb="3">
      <t>セイショウネン</t>
    </rPh>
    <rPh sb="4" eb="5">
      <t>イエ</t>
    </rPh>
    <phoneticPr fontId="1"/>
  </si>
  <si>
    <t>216-0033</t>
  </si>
  <si>
    <t>宮前区宮崎105-1</t>
    <rPh sb="0" eb="3">
      <t>ミヤマエク</t>
    </rPh>
    <rPh sb="3" eb="5">
      <t>ミヤザキ</t>
    </rPh>
    <phoneticPr fontId="1"/>
  </si>
  <si>
    <t>044-888-3588</t>
  </si>
  <si>
    <t>宿泊室、プレイホール、音楽室、食堂</t>
    <rPh sb="0" eb="3">
      <t>シュクハクシツ</t>
    </rPh>
    <rPh sb="11" eb="14">
      <t>オンガクシツ</t>
    </rPh>
    <rPh sb="15" eb="17">
      <t>ショクドウ</t>
    </rPh>
    <phoneticPr fontId="1"/>
  </si>
  <si>
    <t>八ケ岳少年自然の家</t>
    <rPh sb="0" eb="1">
      <t>ヤツガタ</t>
    </rPh>
    <rPh sb="3" eb="7">
      <t>ショウネンシゼン</t>
    </rPh>
    <rPh sb="8" eb="9">
      <t>イエ</t>
    </rPh>
    <phoneticPr fontId="1"/>
  </si>
  <si>
    <t>399-0101</t>
  </si>
  <si>
    <t>長野県諏訪郡富士見町境字広原12067-482</t>
    <rPh sb="0" eb="3">
      <t>ナガノケン</t>
    </rPh>
    <rPh sb="3" eb="6">
      <t>スワグン</t>
    </rPh>
    <rPh sb="6" eb="10">
      <t>フジミチョウ</t>
    </rPh>
    <rPh sb="10" eb="11">
      <t>サカイ</t>
    </rPh>
    <rPh sb="11" eb="12">
      <t>アザ</t>
    </rPh>
    <rPh sb="12" eb="14">
      <t>ヒロハラ</t>
    </rPh>
    <phoneticPr fontId="1"/>
  </si>
  <si>
    <t>0266-66-2011</t>
  </si>
  <si>
    <t>宿泊室、アストロハウス（星空観察）、バーベキュー場、食堂</t>
    <rPh sb="0" eb="2">
      <t>シュクハク</t>
    </rPh>
    <rPh sb="2" eb="3">
      <t>シツ</t>
    </rPh>
    <rPh sb="12" eb="14">
      <t>ホシゾラ</t>
    </rPh>
    <rPh sb="14" eb="16">
      <t>カンサツ</t>
    </rPh>
    <rPh sb="24" eb="25">
      <t>ジョウ</t>
    </rPh>
    <rPh sb="26" eb="28">
      <t>ショクドウ</t>
    </rPh>
    <phoneticPr fontId="1"/>
  </si>
  <si>
    <t>黒川青少年野外活動センター</t>
    <rPh sb="0" eb="9">
      <t>クロカワセイショウネンヤガイカツドウ</t>
    </rPh>
    <phoneticPr fontId="1"/>
  </si>
  <si>
    <t>215-0035</t>
  </si>
  <si>
    <t>麻生区黒川313-9</t>
    <rPh sb="0" eb="3">
      <t>アサオク</t>
    </rPh>
    <rPh sb="3" eb="5">
      <t>クロカワ</t>
    </rPh>
    <phoneticPr fontId="1"/>
  </si>
  <si>
    <t>044-986-2511</t>
  </si>
  <si>
    <t>宿泊室、工作室、野外炊事場</t>
    <rPh sb="0" eb="3">
      <t>シュクハクシツ</t>
    </rPh>
    <rPh sb="4" eb="7">
      <t>コウサクシツ</t>
    </rPh>
    <rPh sb="8" eb="10">
      <t>ヤガイ</t>
    </rPh>
    <rPh sb="10" eb="13">
      <t>スイジバ</t>
    </rPh>
    <phoneticPr fontId="1"/>
  </si>
  <si>
    <t>○</t>
    <phoneticPr fontId="1"/>
  </si>
  <si>
    <t>建設緑政局みどりの管理課</t>
    <rPh sb="0" eb="5">
      <t>ケンセツリョクセイキョク</t>
    </rPh>
    <rPh sb="9" eb="12">
      <t>カンリカ</t>
    </rPh>
    <phoneticPr fontId="1"/>
  </si>
  <si>
    <t>川崎国際生田緑地ゴルフ場</t>
    <rPh sb="0" eb="4">
      <t>カワサキコクサイ</t>
    </rPh>
    <rPh sb="4" eb="8">
      <t>イクタリョクチ</t>
    </rPh>
    <rPh sb="11" eb="12">
      <t>ジョウ</t>
    </rPh>
    <phoneticPr fontId="1"/>
  </si>
  <si>
    <t>214-0032</t>
  </si>
  <si>
    <t>多摩区枡形7-1-10</t>
  </si>
  <si>
    <t>044-934-1555</t>
  </si>
  <si>
    <t>約6000ヤード</t>
    <rPh sb="0" eb="1">
      <t>ヤク</t>
    </rPh>
    <phoneticPr fontId="1"/>
  </si>
  <si>
    <t>・点字ブロック</t>
    <rPh sb="1" eb="3">
      <t>テンジ</t>
    </rPh>
    <phoneticPr fontId="1"/>
  </si>
  <si>
    <t>相模原市</t>
    <rPh sb="0" eb="4">
      <t>サガミハラシ</t>
    </rPh>
    <phoneticPr fontId="1"/>
  </si>
  <si>
    <t>スポーツ施設課</t>
    <rPh sb="4" eb="6">
      <t>シセツ</t>
    </rPh>
    <rPh sb="6" eb="7">
      <t>カ</t>
    </rPh>
    <phoneticPr fontId="1"/>
  </si>
  <si>
    <t>ふじのマレットゴルフ場</t>
    <rPh sb="10" eb="11">
      <t>ジョウ</t>
    </rPh>
    <phoneticPr fontId="1"/>
  </si>
  <si>
    <t>252-0183</t>
    <phoneticPr fontId="1"/>
  </si>
  <si>
    <t>相模原市緑区吉野1010-1</t>
    <rPh sb="0" eb="6">
      <t>サガミハラシミドリク</t>
    </rPh>
    <rPh sb="6" eb="8">
      <t>ヨシノ</t>
    </rPh>
    <phoneticPr fontId="1"/>
  </si>
  <si>
    <t>042-687-5700</t>
    <phoneticPr fontId="1"/>
  </si>
  <si>
    <t>マレットゴルフ36ホール、パー144、総延長1797ｍ</t>
    <rPh sb="19" eb="22">
      <t>ソウエンチョウ</t>
    </rPh>
    <phoneticPr fontId="1"/>
  </si>
  <si>
    <t>スポーツ施設課</t>
    <rPh sb="4" eb="7">
      <t>シセツカ</t>
    </rPh>
    <phoneticPr fontId="1"/>
  </si>
  <si>
    <t>淵野辺公園（相模原球場：体育室）</t>
    <rPh sb="0" eb="3">
      <t>フチノベ</t>
    </rPh>
    <rPh sb="3" eb="5">
      <t>コウエン</t>
    </rPh>
    <rPh sb="6" eb="9">
      <t>サガミハラ</t>
    </rPh>
    <rPh sb="9" eb="11">
      <t>キュウジョウ</t>
    </rPh>
    <rPh sb="12" eb="14">
      <t>タイイク</t>
    </rPh>
    <rPh sb="14" eb="15">
      <t>シツ</t>
    </rPh>
    <phoneticPr fontId="1"/>
  </si>
  <si>
    <t>252-0229</t>
  </si>
  <si>
    <t>相模原市中央区弥栄3-1-6</t>
  </si>
  <si>
    <t>042-753-6930</t>
  </si>
  <si>
    <t>卓球台8台</t>
    <rPh sb="0" eb="3">
      <t>タッキュウダイ</t>
    </rPh>
    <rPh sb="4" eb="5">
      <t>ダイ</t>
    </rPh>
    <phoneticPr fontId="1"/>
  </si>
  <si>
    <t>卓球・体操等</t>
    <rPh sb="0" eb="2">
      <t>タッキュウ</t>
    </rPh>
    <rPh sb="3" eb="5">
      <t>タイソウ</t>
    </rPh>
    <rPh sb="5" eb="6">
      <t>トウ</t>
    </rPh>
    <phoneticPr fontId="1"/>
  </si>
  <si>
    <t>相模原市中央区田名ほか</t>
    <phoneticPr fontId="1"/>
  </si>
  <si>
    <t>042-769-8288</t>
    <phoneticPr fontId="1"/>
  </si>
  <si>
    <t>ジョギングコース（約２．７km）</t>
    <phoneticPr fontId="1"/>
  </si>
  <si>
    <t>淵野辺公園アイススケート場、水泳プール及びトレーニング室（銀河アリーナ）</t>
    <rPh sb="0" eb="3">
      <t>フチノベ</t>
    </rPh>
    <rPh sb="3" eb="5">
      <t>コウエン</t>
    </rPh>
    <rPh sb="12" eb="13">
      <t>ジョウ</t>
    </rPh>
    <rPh sb="14" eb="16">
      <t>スイエイ</t>
    </rPh>
    <rPh sb="19" eb="20">
      <t>オヨ</t>
    </rPh>
    <rPh sb="27" eb="28">
      <t>シツ</t>
    </rPh>
    <rPh sb="29" eb="31">
      <t>ギンガ</t>
    </rPh>
    <phoneticPr fontId="1"/>
  </si>
  <si>
    <t>042-776-5311</t>
    <phoneticPr fontId="1"/>
  </si>
  <si>
    <t>メインリンク60ｍ×30ｍ
サブリンク18ｍ×14ｍ</t>
    <phoneticPr fontId="1"/>
  </si>
  <si>
    <t>生涯学習課</t>
    <rPh sb="0" eb="5">
      <t>ショウガイガクシュウカ</t>
    </rPh>
    <phoneticPr fontId="1"/>
  </si>
  <si>
    <t>城山公民館</t>
    <rPh sb="0" eb="2">
      <t>シロヤマ</t>
    </rPh>
    <rPh sb="2" eb="5">
      <t>コウミンカン</t>
    </rPh>
    <phoneticPr fontId="1"/>
  </si>
  <si>
    <t>252-0105</t>
    <phoneticPr fontId="1"/>
  </si>
  <si>
    <t>緑区久保沢２－２６－１</t>
    <rPh sb="0" eb="2">
      <t>ミドリク</t>
    </rPh>
    <rPh sb="2" eb="5">
      <t>クボサワ</t>
    </rPh>
    <phoneticPr fontId="1"/>
  </si>
  <si>
    <t>042-783-8194</t>
    <phoneticPr fontId="1"/>
  </si>
  <si>
    <t>バレエ用手摺、マット、卓球台（3台）、卓球フェンス（７枚）</t>
    <rPh sb="3" eb="4">
      <t>ヨウ</t>
    </rPh>
    <rPh sb="4" eb="6">
      <t>テスリ</t>
    </rPh>
    <rPh sb="11" eb="14">
      <t>タッキュウダイ</t>
    </rPh>
    <rPh sb="16" eb="17">
      <t>ダイ</t>
    </rPh>
    <rPh sb="19" eb="21">
      <t>タッキュウ</t>
    </rPh>
    <rPh sb="27" eb="28">
      <t>マイ</t>
    </rPh>
    <phoneticPr fontId="1"/>
  </si>
  <si>
    <t>平塚市</t>
    <rPh sb="0" eb="3">
      <t>ヒラツカシ</t>
    </rPh>
    <phoneticPr fontId="1"/>
  </si>
  <si>
    <t>湘南ひらつかパークゴルフ場</t>
    <rPh sb="0" eb="2">
      <t>ショウナン</t>
    </rPh>
    <phoneticPr fontId="1"/>
  </si>
  <si>
    <t>259-1204</t>
    <phoneticPr fontId="1"/>
  </si>
  <si>
    <t>平塚市上吉沢1579-1</t>
    <rPh sb="0" eb="3">
      <t>ヒラツカシ</t>
    </rPh>
    <rPh sb="3" eb="4">
      <t>カミ</t>
    </rPh>
    <rPh sb="4" eb="6">
      <t>ヨシサワ</t>
    </rPh>
    <phoneticPr fontId="1"/>
  </si>
  <si>
    <t>0463-58-9300</t>
    <phoneticPr fontId="1"/>
  </si>
  <si>
    <t>18ホール・管理棟</t>
    <rPh sb="6" eb="9">
      <t>カンリトウ</t>
    </rPh>
    <phoneticPr fontId="1"/>
  </si>
  <si>
    <t>鎌倉市</t>
    <rPh sb="0" eb="3">
      <t>カマクラシ</t>
    </rPh>
    <phoneticPr fontId="1"/>
  </si>
  <si>
    <t>鎌倉体育館</t>
    <rPh sb="0" eb="5">
      <t>カマクラタイイクカン</t>
    </rPh>
    <phoneticPr fontId="1"/>
  </si>
  <si>
    <t>248-0014</t>
    <phoneticPr fontId="1"/>
  </si>
  <si>
    <t>鎌倉市由比ガ浜2-9-9</t>
    <rPh sb="0" eb="3">
      <t>カマクラシ</t>
    </rPh>
    <rPh sb="3" eb="5">
      <t>ユイ</t>
    </rPh>
    <rPh sb="6" eb="7">
      <t>ハマ</t>
    </rPh>
    <phoneticPr fontId="1"/>
  </si>
  <si>
    <t>0467-24-3553</t>
    <phoneticPr fontId="1"/>
  </si>
  <si>
    <t>卓球台　４台</t>
    <rPh sb="0" eb="3">
      <t>タッキュウダイ</t>
    </rPh>
    <rPh sb="5" eb="6">
      <t>ダイ</t>
    </rPh>
    <phoneticPr fontId="1"/>
  </si>
  <si>
    <t>藤沢市</t>
    <rPh sb="0" eb="2">
      <t>フジサワ</t>
    </rPh>
    <rPh sb="2" eb="3">
      <t>シ</t>
    </rPh>
    <phoneticPr fontId="1"/>
  </si>
  <si>
    <t>スポーツ推進課</t>
    <rPh sb="4" eb="7">
      <t>スイシンカ</t>
    </rPh>
    <phoneticPr fontId="1"/>
  </si>
  <si>
    <t>秩父宮記念体育館</t>
    <rPh sb="0" eb="5">
      <t>チチブノミヤキネン</t>
    </rPh>
    <rPh sb="5" eb="8">
      <t>タイイクカン</t>
    </rPh>
    <phoneticPr fontId="1"/>
  </si>
  <si>
    <t>251-0026</t>
    <phoneticPr fontId="1"/>
  </si>
  <si>
    <t>藤沢市鵠沼東8-2</t>
    <rPh sb="0" eb="3">
      <t>フジサワシ</t>
    </rPh>
    <rPh sb="3" eb="5">
      <t>クゲヌマ</t>
    </rPh>
    <rPh sb="5" eb="6">
      <t>ヒガシ</t>
    </rPh>
    <phoneticPr fontId="1"/>
  </si>
  <si>
    <t>0466-22-5335</t>
    <phoneticPr fontId="1"/>
  </si>
  <si>
    <t>１周約１８０ｍ</t>
    <rPh sb="1" eb="2">
      <t>シュウ</t>
    </rPh>
    <rPh sb="2" eb="3">
      <t>ヤク</t>
    </rPh>
    <phoneticPr fontId="1"/>
  </si>
  <si>
    <t>小田原市</t>
    <rPh sb="0" eb="4">
      <t>オダワラシ</t>
    </rPh>
    <phoneticPr fontId="1"/>
  </si>
  <si>
    <t>農政課</t>
  </si>
  <si>
    <t>いこいの森　キャンプ場</t>
    <rPh sb="10" eb="11">
      <t>ジョウ</t>
    </rPh>
    <phoneticPr fontId="6"/>
  </si>
  <si>
    <t>小田原市久野4294-1</t>
  </si>
  <si>
    <t>0465-24-3785</t>
  </si>
  <si>
    <t>いこいの森　ハイキングコース</t>
    <phoneticPr fontId="6"/>
  </si>
  <si>
    <t>コース設定なし、利用者自由設定</t>
    <rPh sb="3" eb="5">
      <t>セッテイ</t>
    </rPh>
    <rPh sb="8" eb="11">
      <t>リヨウシャ</t>
    </rPh>
    <rPh sb="11" eb="15">
      <t>ジユウセッテイ</t>
    </rPh>
    <phoneticPr fontId="1"/>
  </si>
  <si>
    <t>ターゲットバードゴルフ場（18ホール）</t>
    <rPh sb="11" eb="12">
      <t>ジョウ</t>
    </rPh>
    <phoneticPr fontId="1"/>
  </si>
  <si>
    <t>観光課</t>
  </si>
  <si>
    <t>市営御幸の浜海水浴場</t>
    <rPh sb="2" eb="4">
      <t>ミユキ</t>
    </rPh>
    <rPh sb="5" eb="6">
      <t>ハマ</t>
    </rPh>
    <rPh sb="6" eb="10">
      <t>カイスイヨクジョウ</t>
    </rPh>
    <phoneticPr fontId="1"/>
  </si>
  <si>
    <t>250-0012</t>
    <phoneticPr fontId="1"/>
  </si>
  <si>
    <t>小田原市本町3-14-23地先</t>
    <rPh sb="0" eb="4">
      <t>オダワラシ</t>
    </rPh>
    <rPh sb="4" eb="6">
      <t>ホンチョウ</t>
    </rPh>
    <rPh sb="13" eb="15">
      <t>チサキ</t>
    </rPh>
    <phoneticPr fontId="1"/>
  </si>
  <si>
    <t>0465-23-1373</t>
    <phoneticPr fontId="1"/>
  </si>
  <si>
    <t>市営江之浦海水浴場</t>
  </si>
  <si>
    <t>250-0025</t>
  </si>
  <si>
    <t>小田原市江之浦158-2 地先</t>
  </si>
  <si>
    <t>0465-23-1373</t>
  </si>
  <si>
    <t>太閣一夜城と長興山史跡巡りコース</t>
  </si>
  <si>
    <t>小田原市</t>
  </si>
  <si>
    <t>0465-33-1521</t>
  </si>
  <si>
    <t>コース距離7.5km</t>
    <rPh sb="3" eb="5">
      <t>キョリ</t>
    </rPh>
    <phoneticPr fontId="1"/>
  </si>
  <si>
    <t>久野遺跡巡りコース</t>
  </si>
  <si>
    <t>コース距離5.7km</t>
    <rPh sb="3" eb="5">
      <t>キョリ</t>
    </rPh>
    <phoneticPr fontId="1"/>
  </si>
  <si>
    <t>曽我の里散策コース</t>
  </si>
  <si>
    <t>コース距離8km</t>
    <rPh sb="3" eb="5">
      <t>キョリ</t>
    </rPh>
    <phoneticPr fontId="1"/>
  </si>
  <si>
    <t>コース距離4.3km</t>
    <rPh sb="3" eb="5">
      <t>キョリ</t>
    </rPh>
    <phoneticPr fontId="1"/>
  </si>
  <si>
    <t>諏訪の原・西部丘陵ウォーキングコース</t>
    <rPh sb="0" eb="2">
      <t>スワ</t>
    </rPh>
    <rPh sb="3" eb="4">
      <t>ハラ</t>
    </rPh>
    <phoneticPr fontId="11"/>
  </si>
  <si>
    <t>コース距離
風祭駅コース10.3km
箱根板橋駅コース11.4km
小田原駅西口コース11.9km
城址公園お堀端通りコース13.0km</t>
    <rPh sb="3" eb="5">
      <t>キョリ</t>
    </rPh>
    <rPh sb="6" eb="9">
      <t>カザマツリエキ</t>
    </rPh>
    <rPh sb="19" eb="23">
      <t>ハコネイタバシ</t>
    </rPh>
    <rPh sb="23" eb="24">
      <t>エキ</t>
    </rPh>
    <rPh sb="34" eb="38">
      <t>オダワラエキ</t>
    </rPh>
    <rPh sb="38" eb="40">
      <t>ニシグチ</t>
    </rPh>
    <rPh sb="50" eb="54">
      <t>ジョウシコウエン</t>
    </rPh>
    <rPh sb="55" eb="57">
      <t>ホリバタ</t>
    </rPh>
    <rPh sb="57" eb="58">
      <t>トオ</t>
    </rPh>
    <phoneticPr fontId="1"/>
  </si>
  <si>
    <t>潮騒の駅根府川・江之浦漁港コース</t>
  </si>
  <si>
    <t>コース距離6.0km</t>
    <rPh sb="3" eb="5">
      <t>キョリ</t>
    </rPh>
    <phoneticPr fontId="1"/>
  </si>
  <si>
    <t>歴史と文化の香るまち散策コース</t>
  </si>
  <si>
    <t>コース距離8.0km</t>
    <rPh sb="3" eb="5">
      <t>キョリ</t>
    </rPh>
    <phoneticPr fontId="1"/>
  </si>
  <si>
    <t>コース距離7.9km</t>
    <rPh sb="3" eb="5">
      <t>キョリ</t>
    </rPh>
    <phoneticPr fontId="1"/>
  </si>
  <si>
    <t>国府津・曽我丘陵ウォーキングコース</t>
  </si>
  <si>
    <t>コース距離11.0km</t>
    <rPh sb="3" eb="5">
      <t>キョリ</t>
    </rPh>
    <phoneticPr fontId="1"/>
  </si>
  <si>
    <t>荻窪用水散策コース</t>
  </si>
  <si>
    <t>コース距離6.7km</t>
    <rPh sb="3" eb="5">
      <t>キョリ</t>
    </rPh>
    <phoneticPr fontId="1"/>
  </si>
  <si>
    <t>観光課</t>
    <rPh sb="0" eb="2">
      <t>カンコウ</t>
    </rPh>
    <rPh sb="2" eb="3">
      <t>カ</t>
    </rPh>
    <phoneticPr fontId="1"/>
  </si>
  <si>
    <t>早川・片浦ウォーキングトレイル</t>
    <rPh sb="0" eb="2">
      <t>ハヤカワ</t>
    </rPh>
    <rPh sb="3" eb="4">
      <t>カタ</t>
    </rPh>
    <rPh sb="4" eb="5">
      <t>ウラ</t>
    </rPh>
    <phoneticPr fontId="1"/>
  </si>
  <si>
    <t>コース距離
Aルート10.9km
Bルート12.0km</t>
    <rPh sb="3" eb="5">
      <t>キョリ</t>
    </rPh>
    <phoneticPr fontId="1"/>
  </si>
  <si>
    <t>小田原市</t>
    <rPh sb="0" eb="3">
      <t>オダワラ</t>
    </rPh>
    <rPh sb="3" eb="4">
      <t>シ</t>
    </rPh>
    <phoneticPr fontId="1"/>
  </si>
  <si>
    <t>酒匂川左岸サイクリング場</t>
    <rPh sb="0" eb="3">
      <t>サカワガワ</t>
    </rPh>
    <rPh sb="3" eb="5">
      <t>サガン</t>
    </rPh>
    <rPh sb="11" eb="12">
      <t>ジョウ</t>
    </rPh>
    <phoneticPr fontId="1"/>
  </si>
  <si>
    <t>小田原市西酒匂1-3-61地先</t>
    <rPh sb="0" eb="4">
      <t>オダワラシ</t>
    </rPh>
    <rPh sb="4" eb="7">
      <t>ニシサカワ</t>
    </rPh>
    <rPh sb="13" eb="15">
      <t>チサキ</t>
    </rPh>
    <phoneticPr fontId="1"/>
  </si>
  <si>
    <t>0465-38-1148</t>
    <phoneticPr fontId="1"/>
  </si>
  <si>
    <t>一般コース1周1,620m、ミニコース660m、自転車広場3,600㎡、貸自転車数約100台</t>
    <rPh sb="0" eb="2">
      <t>イッパン</t>
    </rPh>
    <rPh sb="6" eb="7">
      <t>シュウ</t>
    </rPh>
    <rPh sb="24" eb="29">
      <t>ジテンシャヒロバ</t>
    </rPh>
    <rPh sb="36" eb="37">
      <t>カシ</t>
    </rPh>
    <rPh sb="37" eb="40">
      <t>ジテンシャ</t>
    </rPh>
    <rPh sb="40" eb="41">
      <t>スウ</t>
    </rPh>
    <rPh sb="41" eb="42">
      <t>ヤク</t>
    </rPh>
    <rPh sb="45" eb="46">
      <t>ダイ</t>
    </rPh>
    <phoneticPr fontId="1"/>
  </si>
  <si>
    <t>公民館運動室
車椅子競技での使用は種目による。
「設置年」は従来施設を転用し移転改修した年を入力。</t>
    <rPh sb="0" eb="3">
      <t>コウミンカン</t>
    </rPh>
    <rPh sb="3" eb="6">
      <t>ウンドウシツ</t>
    </rPh>
    <rPh sb="7" eb="10">
      <t>クルマイス</t>
    </rPh>
    <rPh sb="10" eb="12">
      <t>キョウギ</t>
    </rPh>
    <rPh sb="14" eb="16">
      <t>シヨウ</t>
    </rPh>
    <rPh sb="17" eb="19">
      <t>シュモク</t>
    </rPh>
    <rPh sb="25" eb="27">
      <t>セッチ</t>
    </rPh>
    <rPh sb="27" eb="28">
      <t>ネン</t>
    </rPh>
    <rPh sb="30" eb="32">
      <t>ジュウライ</t>
    </rPh>
    <rPh sb="32" eb="34">
      <t>シセツ</t>
    </rPh>
    <rPh sb="35" eb="37">
      <t>テンヨウ</t>
    </rPh>
    <rPh sb="38" eb="40">
      <t>イテン</t>
    </rPh>
    <rPh sb="40" eb="42">
      <t>カイシュウ</t>
    </rPh>
    <rPh sb="44" eb="45">
      <t>トシ</t>
    </rPh>
    <rPh sb="46" eb="48">
      <t>ニュウリョク</t>
    </rPh>
    <phoneticPr fontId="1"/>
  </si>
  <si>
    <t>テントサイト50区画、バンガロー8棟</t>
    <rPh sb="8" eb="9">
      <t>カク</t>
    </rPh>
    <rPh sb="16" eb="17">
      <t>トウ</t>
    </rPh>
    <phoneticPr fontId="1"/>
  </si>
  <si>
    <t>茅ヶ崎市</t>
    <rPh sb="0" eb="4">
      <t>チ</t>
    </rPh>
    <phoneticPr fontId="1"/>
  </si>
  <si>
    <t>公園緑地課</t>
    <rPh sb="0" eb="2">
      <t>コウエン</t>
    </rPh>
    <rPh sb="2" eb="4">
      <t>リョクチ</t>
    </rPh>
    <rPh sb="4" eb="5">
      <t>カ</t>
    </rPh>
    <phoneticPr fontId="1"/>
  </si>
  <si>
    <t>柳島しおさい公園　ミニバスケットコート</t>
    <rPh sb="0" eb="2">
      <t>ヤナギシマ</t>
    </rPh>
    <rPh sb="6" eb="8">
      <t>コウエン</t>
    </rPh>
    <phoneticPr fontId="1"/>
  </si>
  <si>
    <t>253-0064</t>
    <phoneticPr fontId="1"/>
  </si>
  <si>
    <t>茅ヶ崎市柳島１９００</t>
    <rPh sb="0" eb="4">
      <t>チ</t>
    </rPh>
    <rPh sb="4" eb="6">
      <t>ヤナギシマ</t>
    </rPh>
    <phoneticPr fontId="1"/>
  </si>
  <si>
    <t>0467-88-5010</t>
    <phoneticPr fontId="1"/>
  </si>
  <si>
    <t>ミニバスケットボール</t>
    <phoneticPr fontId="1"/>
  </si>
  <si>
    <t>スポーツ推進課</t>
    <rPh sb="2" eb="7">
      <t>スイ</t>
    </rPh>
    <phoneticPr fontId="1"/>
  </si>
  <si>
    <t>総合体育館</t>
    <rPh sb="0" eb="2">
      <t>ソウゴウ</t>
    </rPh>
    <rPh sb="2" eb="5">
      <t>タイイクカン</t>
    </rPh>
    <phoneticPr fontId="1"/>
  </si>
  <si>
    <t>253-0041</t>
    <phoneticPr fontId="1"/>
  </si>
  <si>
    <t>茅ヶ崎市茅ヶ崎１－９－６３</t>
    <rPh sb="0" eb="4">
      <t>チ</t>
    </rPh>
    <rPh sb="4" eb="7">
      <t>チガサキ</t>
    </rPh>
    <phoneticPr fontId="1"/>
  </si>
  <si>
    <t>0467-82-7175</t>
    <phoneticPr fontId="1"/>
  </si>
  <si>
    <t>卓球</t>
    <rPh sb="0" eb="2">
      <t>タッキュウ</t>
    </rPh>
    <phoneticPr fontId="1"/>
  </si>
  <si>
    <t>市体育館</t>
    <rPh sb="0" eb="1">
      <t>シ</t>
    </rPh>
    <rPh sb="1" eb="3">
      <t>タイイク</t>
    </rPh>
    <rPh sb="3" eb="4">
      <t>カン</t>
    </rPh>
    <phoneticPr fontId="1"/>
  </si>
  <si>
    <t>253-0045</t>
    <phoneticPr fontId="1"/>
  </si>
  <si>
    <t>茅ヶ崎市十間坂３－６－５</t>
    <rPh sb="0" eb="4">
      <t>チ</t>
    </rPh>
    <rPh sb="4" eb="7">
      <t>ジュッケンザカ</t>
    </rPh>
    <phoneticPr fontId="1"/>
  </si>
  <si>
    <t>0467-82-7701</t>
    <phoneticPr fontId="1"/>
  </si>
  <si>
    <t>柳島キャンプ場</t>
    <rPh sb="0" eb="2">
      <t>ヤナギシマ</t>
    </rPh>
    <rPh sb="6" eb="7">
      <t>ジョウ</t>
    </rPh>
    <phoneticPr fontId="1"/>
  </si>
  <si>
    <t>253-0063</t>
    <phoneticPr fontId="1"/>
  </si>
  <si>
    <t>茅ヶ崎市柳島海岸1592番1地先</t>
    <phoneticPr fontId="1"/>
  </si>
  <si>
    <t>0467-87-1385</t>
    <phoneticPr fontId="1"/>
  </si>
  <si>
    <t>キャンプ場、コテージ</t>
    <rPh sb="4" eb="5">
      <t>ジョウ</t>
    </rPh>
    <phoneticPr fontId="1"/>
  </si>
  <si>
    <t>オーケストラ室</t>
    <rPh sb="6" eb="7">
      <t>シツ</t>
    </rPh>
    <phoneticPr fontId="1"/>
  </si>
  <si>
    <t>逗子市</t>
    <rPh sb="0" eb="3">
      <t>ズシシ</t>
    </rPh>
    <phoneticPr fontId="1"/>
  </si>
  <si>
    <t>文化スポーツ課</t>
    <rPh sb="0" eb="2">
      <t>ブンカ</t>
    </rPh>
    <rPh sb="6" eb="7">
      <t>カ</t>
    </rPh>
    <phoneticPr fontId="1"/>
  </si>
  <si>
    <t>逗子市立体育館</t>
    <rPh sb="0" eb="4">
      <t>ズシシリツ</t>
    </rPh>
    <rPh sb="4" eb="7">
      <t>タイイクカン</t>
    </rPh>
    <phoneticPr fontId="1"/>
  </si>
  <si>
    <t>249-0003</t>
    <phoneticPr fontId="1"/>
  </si>
  <si>
    <t>逗子市池子１丁目11-1</t>
    <rPh sb="0" eb="3">
      <t>ズシシ</t>
    </rPh>
    <rPh sb="3" eb="5">
      <t>イケゴ</t>
    </rPh>
    <rPh sb="6" eb="8">
      <t>チョウメ</t>
    </rPh>
    <phoneticPr fontId="1"/>
  </si>
  <si>
    <t>046-870-1296</t>
    <phoneticPr fontId="1"/>
  </si>
  <si>
    <t>１周約160メートル</t>
    <rPh sb="1" eb="2">
      <t>シュウ</t>
    </rPh>
    <rPh sb="2" eb="3">
      <t>ヤク</t>
    </rPh>
    <phoneticPr fontId="1"/>
  </si>
  <si>
    <t>三浦市</t>
    <rPh sb="0" eb="3">
      <t>ミウラシ</t>
    </rPh>
    <phoneticPr fontId="1"/>
  </si>
  <si>
    <t>三浦市総合体育館</t>
  </si>
  <si>
    <t>238-0113</t>
  </si>
  <si>
    <t>三浦市初声町入江169</t>
  </si>
  <si>
    <t>046-889-0404</t>
  </si>
  <si>
    <t>屋外フリークライミング用（高さ11ｍ・幅10.5m）</t>
    <rPh sb="0" eb="2">
      <t>オクガイ</t>
    </rPh>
    <rPh sb="11" eb="12">
      <t>ヨウ</t>
    </rPh>
    <rPh sb="13" eb="14">
      <t>タカ</t>
    </rPh>
    <rPh sb="19" eb="20">
      <t>ハバ</t>
    </rPh>
    <phoneticPr fontId="1"/>
  </si>
  <si>
    <t>H27.5.12より休止/車椅子競技での使用可否については、要相談（実績はなし）</t>
    <rPh sb="10" eb="12">
      <t>キュウシ</t>
    </rPh>
    <rPh sb="13" eb="14">
      <t>クルマ</t>
    </rPh>
    <rPh sb="14" eb="16">
      <t>イス</t>
    </rPh>
    <rPh sb="16" eb="18">
      <t>キョウギ</t>
    </rPh>
    <rPh sb="20" eb="24">
      <t>シヨウカヒ</t>
    </rPh>
    <rPh sb="30" eb="33">
      <t>ヨウソウダン</t>
    </rPh>
    <rPh sb="34" eb="36">
      <t>ジッセキ</t>
    </rPh>
    <phoneticPr fontId="1"/>
  </si>
  <si>
    <t>秦野市</t>
    <rPh sb="0" eb="3">
      <t>ハダノシ</t>
    </rPh>
    <phoneticPr fontId="1"/>
  </si>
  <si>
    <t>公園課</t>
    <rPh sb="0" eb="3">
      <t>コウエンカ</t>
    </rPh>
    <phoneticPr fontId="1"/>
  </si>
  <si>
    <t>秦野市カルチャーパーク</t>
    <rPh sb="0" eb="3">
      <t>ハダノシ</t>
    </rPh>
    <phoneticPr fontId="1"/>
  </si>
  <si>
    <t>257-0015</t>
    <phoneticPr fontId="1"/>
  </si>
  <si>
    <t>秦野市平沢１４８</t>
    <rPh sb="0" eb="3">
      <t>ハダノシ</t>
    </rPh>
    <rPh sb="3" eb="5">
      <t>ヒラサワ</t>
    </rPh>
    <phoneticPr fontId="1"/>
  </si>
  <si>
    <t>0463-82-1324</t>
    <phoneticPr fontId="1"/>
  </si>
  <si>
    <t>１周1280ｍ、790ｍ、720ｍのコース</t>
    <rPh sb="1" eb="2">
      <t>シュウ</t>
    </rPh>
    <phoneticPr fontId="1"/>
  </si>
  <si>
    <t>メタックス体育館はだの</t>
    <rPh sb="5" eb="8">
      <t>タイイクカン</t>
    </rPh>
    <phoneticPr fontId="1"/>
  </si>
  <si>
    <t>秦野市平沢１０1-1</t>
    <rPh sb="0" eb="3">
      <t>ハダノシ</t>
    </rPh>
    <rPh sb="3" eb="5">
      <t>ヒラサワ</t>
    </rPh>
    <phoneticPr fontId="1"/>
  </si>
  <si>
    <t>0463-84-3333</t>
    <phoneticPr fontId="1"/>
  </si>
  <si>
    <t>１周２２０ｍのコース</t>
    <rPh sb="1" eb="2">
      <t>シュウ</t>
    </rPh>
    <phoneticPr fontId="1"/>
  </si>
  <si>
    <t>NITTANパークおおね</t>
    <phoneticPr fontId="1"/>
  </si>
  <si>
    <t>257-0007</t>
    <phoneticPr fontId="1"/>
  </si>
  <si>
    <t>秦野市鶴巻９４０</t>
    <rPh sb="0" eb="3">
      <t>ハダノシ</t>
    </rPh>
    <rPh sb="3" eb="5">
      <t>ツルマキ</t>
    </rPh>
    <phoneticPr fontId="1"/>
  </si>
  <si>
    <t>0463-77-7888</t>
    <phoneticPr fontId="1"/>
  </si>
  <si>
    <t>１周1080ｍ、900ｍのコース</t>
    <rPh sb="1" eb="2">
      <t>シュウ</t>
    </rPh>
    <phoneticPr fontId="1"/>
  </si>
  <si>
    <t>はだの丹沢クライミングパーク</t>
    <rPh sb="3" eb="5">
      <t>タンザワ</t>
    </rPh>
    <phoneticPr fontId="1"/>
  </si>
  <si>
    <t>秦野市戸川1398</t>
    <phoneticPr fontId="1"/>
  </si>
  <si>
    <t>0463-63-2630</t>
    <phoneticPr fontId="1"/>
  </si>
  <si>
    <t>屋内ボルダリングウォール（5ｍ）</t>
    <rPh sb="1" eb="2">
      <t>ナイ</t>
    </rPh>
    <phoneticPr fontId="1"/>
  </si>
  <si>
    <t>厚木市</t>
  </si>
  <si>
    <t>商業観光課</t>
    <rPh sb="0" eb="5">
      <t>ショウギョウカンコウカ</t>
    </rPh>
    <phoneticPr fontId="1"/>
  </si>
  <si>
    <t>243-0213</t>
  </si>
  <si>
    <t>厚木市飯山</t>
  </si>
  <si>
    <t>046-225-2820</t>
  </si>
  <si>
    <t>特になし</t>
    <rPh sb="0" eb="1">
      <t>トク</t>
    </rPh>
    <phoneticPr fontId="1"/>
  </si>
  <si>
    <t>厚木市七沢～飯山</t>
  </si>
  <si>
    <t>243-0038</t>
  </si>
  <si>
    <t>厚木市愛名～小野</t>
  </si>
  <si>
    <t>243-0121</t>
  </si>
  <si>
    <t>厚木市七沢</t>
  </si>
  <si>
    <t>243-0204</t>
  </si>
  <si>
    <t>厚木市鳶尾</t>
  </si>
  <si>
    <t>猪久保ハイキングコース</t>
  </si>
  <si>
    <t>厚木市</t>
    <rPh sb="0" eb="2">
      <t>アツギ</t>
    </rPh>
    <rPh sb="2" eb="3">
      <t>シ</t>
    </rPh>
    <phoneticPr fontId="2"/>
  </si>
  <si>
    <t>公園緑地課</t>
    <rPh sb="0" eb="2">
      <t>コウエン</t>
    </rPh>
    <rPh sb="2" eb="4">
      <t>リョクチ</t>
    </rPh>
    <rPh sb="4" eb="5">
      <t>カ</t>
    </rPh>
    <phoneticPr fontId="2"/>
  </si>
  <si>
    <t>あつぎこどもの森公園</t>
    <rPh sb="7" eb="8">
      <t>モリ</t>
    </rPh>
    <rPh sb="8" eb="10">
      <t>コウエン</t>
    </rPh>
    <phoneticPr fontId="2"/>
  </si>
  <si>
    <t>243-0202</t>
  </si>
  <si>
    <t>厚木市中荻野916-2</t>
    <rPh sb="0" eb="3">
      <t>アツギシ</t>
    </rPh>
    <rPh sb="3" eb="6">
      <t>ナカオギノ</t>
    </rPh>
    <phoneticPr fontId="2"/>
  </si>
  <si>
    <t>046-210-3433</t>
  </si>
  <si>
    <t>大和市</t>
    <rPh sb="0" eb="3">
      <t>ヤマトシ</t>
    </rPh>
    <phoneticPr fontId="1"/>
  </si>
  <si>
    <t>242-0029</t>
    <phoneticPr fontId="1"/>
  </si>
  <si>
    <t>大和市上草柳1-1-1</t>
    <rPh sb="0" eb="3">
      <t>ヤマトシ</t>
    </rPh>
    <rPh sb="3" eb="6">
      <t>カミソウヤギ</t>
    </rPh>
    <phoneticPr fontId="1"/>
  </si>
  <si>
    <t>046-261-6200</t>
    <phoneticPr fontId="1"/>
  </si>
  <si>
    <t>１周220ｍ</t>
    <rPh sb="1" eb="2">
      <t>シュウ</t>
    </rPh>
    <phoneticPr fontId="1"/>
  </si>
  <si>
    <t>キッズスペース</t>
    <phoneticPr fontId="1"/>
  </si>
  <si>
    <t>会議室</t>
    <rPh sb="0" eb="3">
      <t>カイギシツ</t>
    </rPh>
    <phoneticPr fontId="1"/>
  </si>
  <si>
    <t>大和市</t>
  </si>
  <si>
    <t>みどり公園課</t>
  </si>
  <si>
    <t>遊びの森</t>
  </si>
  <si>
    <t>242-0022</t>
  </si>
  <si>
    <t>046-263-8711</t>
  </si>
  <si>
    <t>冒険遊具コース</t>
  </si>
  <si>
    <t>月見野遺跡まわり、二人の対立すべり、着陸態勢わたり</t>
  </si>
  <si>
    <t>引地台公園</t>
  </si>
  <si>
    <t>大和市柳橋四丁目5000番</t>
  </si>
  <si>
    <t>046-267-0410</t>
  </si>
  <si>
    <t>座間市</t>
    <rPh sb="0" eb="3">
      <t>ザマシ</t>
    </rPh>
    <phoneticPr fontId="1"/>
  </si>
  <si>
    <t>座間市民体育館</t>
  </si>
  <si>
    <t>252-0011</t>
  </si>
  <si>
    <t>座間市相武台1-47-1</t>
  </si>
  <si>
    <t>046-255-0077</t>
  </si>
  <si>
    <t>ミーティングルーム</t>
    <phoneticPr fontId="1"/>
  </si>
  <si>
    <t>南足柄市</t>
    <rPh sb="0" eb="4">
      <t>ミナミアシガラシ</t>
    </rPh>
    <phoneticPr fontId="1"/>
  </si>
  <si>
    <t>文化スポーツ課</t>
  </si>
  <si>
    <t>広町パークゴルフ場</t>
    <rPh sb="0" eb="1">
      <t>ヒロ</t>
    </rPh>
    <rPh sb="1" eb="2">
      <t>マチ</t>
    </rPh>
    <phoneticPr fontId="7"/>
  </si>
  <si>
    <t>250-0121</t>
  </si>
  <si>
    <t>南足柄市広町231</t>
  </si>
  <si>
    <t>0465-71-0880</t>
  </si>
  <si>
    <t>パークゴルフ場（全18ホール 、総距離760ｍ、標準打数66打）</t>
    <rPh sb="8" eb="9">
      <t>ゼン</t>
    </rPh>
    <rPh sb="16" eb="17">
      <t>ソウ</t>
    </rPh>
    <rPh sb="24" eb="26">
      <t>ヒョウジュン</t>
    </rPh>
    <rPh sb="26" eb="28">
      <t>ダスウ</t>
    </rPh>
    <rPh sb="30" eb="31">
      <t>ダ</t>
    </rPh>
    <phoneticPr fontId="1"/>
  </si>
  <si>
    <t>大口河川敷パークゴルフ場</t>
    <rPh sb="0" eb="2">
      <t>オオクチ</t>
    </rPh>
    <rPh sb="2" eb="5">
      <t>カセンシキ</t>
    </rPh>
    <rPh sb="11" eb="12">
      <t>バ</t>
    </rPh>
    <phoneticPr fontId="12"/>
  </si>
  <si>
    <t>250-0101</t>
  </si>
  <si>
    <t>南足柄市班目1547-90</t>
    <rPh sb="4" eb="5">
      <t>ハン</t>
    </rPh>
    <rPh sb="5" eb="6">
      <t>メ</t>
    </rPh>
    <phoneticPr fontId="12"/>
  </si>
  <si>
    <t>0465-72-3688</t>
  </si>
  <si>
    <t>パークゴルフ場（全18ホール、総距離798ｍ、標準打数66打）</t>
    <rPh sb="8" eb="9">
      <t>ゼン</t>
    </rPh>
    <rPh sb="15" eb="16">
      <t>ソウ</t>
    </rPh>
    <rPh sb="23" eb="25">
      <t>ヒョウジュン</t>
    </rPh>
    <rPh sb="25" eb="27">
      <t>ダスウ</t>
    </rPh>
    <rPh sb="29" eb="30">
      <t>ダ</t>
    </rPh>
    <phoneticPr fontId="1"/>
  </si>
  <si>
    <t>産業振興課</t>
    <rPh sb="0" eb="2">
      <t>サンギョウ</t>
    </rPh>
    <rPh sb="2" eb="4">
      <t>シンコウ</t>
    </rPh>
    <rPh sb="4" eb="5">
      <t>カ</t>
    </rPh>
    <phoneticPr fontId="7"/>
  </si>
  <si>
    <t>足柄森林公園丸太の森</t>
  </si>
  <si>
    <t>南足柄市広町1544</t>
  </si>
  <si>
    <t>0465-74-4510</t>
  </si>
  <si>
    <t>・バンガロー（8人用10棟、12人用2棟）
・テントサイト（ウッドデッキ16区画、テラスデッキ2区画、セットアップ2区画）</t>
    <rPh sb="8" eb="10">
      <t>ヒトヨウ</t>
    </rPh>
    <rPh sb="12" eb="13">
      <t>トウ</t>
    </rPh>
    <rPh sb="16" eb="17">
      <t>ニン</t>
    </rPh>
    <rPh sb="17" eb="18">
      <t>ヨウ</t>
    </rPh>
    <rPh sb="19" eb="20">
      <t>トウ</t>
    </rPh>
    <rPh sb="38" eb="40">
      <t>クカク</t>
    </rPh>
    <rPh sb="48" eb="50">
      <t>クカク</t>
    </rPh>
    <rPh sb="58" eb="60">
      <t>クカク</t>
    </rPh>
    <phoneticPr fontId="1"/>
  </si>
  <si>
    <t>商工観光課</t>
  </si>
  <si>
    <t>南足柄市</t>
  </si>
  <si>
    <t>0465-73-8031</t>
  </si>
  <si>
    <t>歩行時間　約２時間
総距離　約5.4㎞</t>
    <rPh sb="0" eb="2">
      <t>ホコウ</t>
    </rPh>
    <rPh sb="2" eb="4">
      <t>ジカン</t>
    </rPh>
    <rPh sb="10" eb="13">
      <t>ソウキョリ</t>
    </rPh>
    <rPh sb="14" eb="15">
      <t>ヤク</t>
    </rPh>
    <phoneticPr fontId="1"/>
  </si>
  <si>
    <t>足柄峠コース</t>
  </si>
  <si>
    <t>歩行時間　約２時間40分
総距離　約7.7㎞</t>
    <rPh sb="0" eb="2">
      <t>ホコウ</t>
    </rPh>
    <rPh sb="2" eb="4">
      <t>ジカン</t>
    </rPh>
    <rPh sb="11" eb="12">
      <t>フン</t>
    </rPh>
    <rPh sb="13" eb="16">
      <t>ソウキョリ</t>
    </rPh>
    <rPh sb="17" eb="18">
      <t>ヤク</t>
    </rPh>
    <phoneticPr fontId="1"/>
  </si>
  <si>
    <t>足柄峠・金太郎コース</t>
    <rPh sb="0" eb="2">
      <t>アシガラ</t>
    </rPh>
    <rPh sb="2" eb="3">
      <t>トウゲ</t>
    </rPh>
    <phoneticPr fontId="1"/>
  </si>
  <si>
    <t>歩行時間　約3時間45分
総距離　約7.7㎞</t>
    <rPh sb="0" eb="2">
      <t>ホコウ</t>
    </rPh>
    <rPh sb="2" eb="4">
      <t>ジカン</t>
    </rPh>
    <rPh sb="11" eb="12">
      <t>フン</t>
    </rPh>
    <rPh sb="13" eb="16">
      <t>ソウキョリ</t>
    </rPh>
    <rPh sb="17" eb="18">
      <t>ヤク</t>
    </rPh>
    <phoneticPr fontId="1"/>
  </si>
  <si>
    <t>足柄峠・金時山コース</t>
    <phoneticPr fontId="1"/>
  </si>
  <si>
    <t>歩行時間　約4時間
総距離　約9㎞</t>
    <rPh sb="0" eb="2">
      <t>ホコウ</t>
    </rPh>
    <rPh sb="2" eb="4">
      <t>ジカン</t>
    </rPh>
    <rPh sb="10" eb="13">
      <t>ソウキョリ</t>
    </rPh>
    <rPh sb="14" eb="15">
      <t>ヤク</t>
    </rPh>
    <phoneticPr fontId="1"/>
  </si>
  <si>
    <t>明神ケ岳コース</t>
  </si>
  <si>
    <t>歩行時間　約5時間10分
総距離　約10.8㎞</t>
    <rPh sb="0" eb="2">
      <t>ホコウ</t>
    </rPh>
    <rPh sb="2" eb="4">
      <t>ジカン</t>
    </rPh>
    <rPh sb="11" eb="12">
      <t>フン</t>
    </rPh>
    <rPh sb="13" eb="16">
      <t>ソウキョリ</t>
    </rPh>
    <rPh sb="17" eb="18">
      <t>ヤク</t>
    </rPh>
    <phoneticPr fontId="1"/>
  </si>
  <si>
    <t>浜居場城コース</t>
  </si>
  <si>
    <t>歩行時間　約3時間30分
総距離　約10.5㎞</t>
    <rPh sb="0" eb="2">
      <t>ホコウ</t>
    </rPh>
    <rPh sb="2" eb="4">
      <t>ジカン</t>
    </rPh>
    <rPh sb="11" eb="12">
      <t>フン</t>
    </rPh>
    <rPh sb="13" eb="16">
      <t>ソウキョリ</t>
    </rPh>
    <rPh sb="17" eb="18">
      <t>ヤク</t>
    </rPh>
    <phoneticPr fontId="1"/>
  </si>
  <si>
    <t>矢倉岳コース</t>
  </si>
  <si>
    <t>歩行時間　約4時間25分
総距離　約8.7㎞</t>
    <rPh sb="0" eb="2">
      <t>ホコウ</t>
    </rPh>
    <rPh sb="2" eb="4">
      <t>ジカン</t>
    </rPh>
    <rPh sb="11" eb="12">
      <t>フン</t>
    </rPh>
    <rPh sb="13" eb="16">
      <t>ソウキョリ</t>
    </rPh>
    <rPh sb="17" eb="18">
      <t>ヤク</t>
    </rPh>
    <phoneticPr fontId="1"/>
  </si>
  <si>
    <t>山伏平コース</t>
  </si>
  <si>
    <t>歩行時間　約2時間40分
総距離　約5.9㎞</t>
    <rPh sb="0" eb="2">
      <t>ホコウ</t>
    </rPh>
    <rPh sb="2" eb="4">
      <t>ジカン</t>
    </rPh>
    <rPh sb="11" eb="12">
      <t>フン</t>
    </rPh>
    <rPh sb="13" eb="16">
      <t>ソウキョリ</t>
    </rPh>
    <rPh sb="17" eb="18">
      <t>ヤク</t>
    </rPh>
    <phoneticPr fontId="1"/>
  </si>
  <si>
    <t>矢佐芝コース</t>
  </si>
  <si>
    <t xml:space="preserve">
0465-73-8031</t>
  </si>
  <si>
    <t>葉山町</t>
    <rPh sb="0" eb="3">
      <t>ハヤママチ</t>
    </rPh>
    <phoneticPr fontId="1"/>
  </si>
  <si>
    <t>南郷上ノ山公園</t>
    <rPh sb="0" eb="3">
      <t>ナンゴウカミ</t>
    </rPh>
    <rPh sb="4" eb="7">
      <t>ヤマコウエン</t>
    </rPh>
    <phoneticPr fontId="1"/>
  </si>
  <si>
    <t>240-0113</t>
  </si>
  <si>
    <t>葉山町長柄1888-1</t>
    <rPh sb="0" eb="3">
      <t>ハヤママチ</t>
    </rPh>
    <rPh sb="3" eb="5">
      <t>ナガエ</t>
    </rPh>
    <phoneticPr fontId="1"/>
  </si>
  <si>
    <t>046-876-1100</t>
    <phoneticPr fontId="1"/>
  </si>
  <si>
    <t>冒険遊具コース</t>
    <phoneticPr fontId="1"/>
  </si>
  <si>
    <t>70.68㎡（17.41m× 4.06m）</t>
    <phoneticPr fontId="1"/>
  </si>
  <si>
    <t>複合遊具1基、ﾌﾞﾗﾝｺ1台</t>
    <rPh sb="0" eb="4">
      <t>フクゴウユウグ</t>
    </rPh>
    <rPh sb="5" eb="6">
      <t>キ</t>
    </rPh>
    <phoneticPr fontId="1"/>
  </si>
  <si>
    <t>〇</t>
    <phoneticPr fontId="1"/>
  </si>
  <si>
    <t>産業振興課</t>
  </si>
  <si>
    <t>森戸海水浴場</t>
  </si>
  <si>
    <t>240-0112</t>
  </si>
  <si>
    <t>葉山町堀内918 地先</t>
    <phoneticPr fontId="1"/>
  </si>
  <si>
    <t>046-876-1111</t>
  </si>
  <si>
    <t>一色海水浴場</t>
  </si>
  <si>
    <t>240-0111</t>
  </si>
  <si>
    <t>葉山町一色2123地先</t>
  </si>
  <si>
    <t>長者ケ崎・大浜海水浴場</t>
  </si>
  <si>
    <t>240-0116</t>
  </si>
  <si>
    <t>葉山町下山口2049-2地先</t>
  </si>
  <si>
    <t>葉山町堀内地内</t>
  </si>
  <si>
    <t>約３．３ｋｍ</t>
    <phoneticPr fontId="1"/>
  </si>
  <si>
    <t>子ども教育支援課</t>
    <rPh sb="0" eb="1">
      <t>コ</t>
    </rPh>
    <phoneticPr fontId="1"/>
  </si>
  <si>
    <t>足柄ふれあいの村</t>
    <rPh sb="0" eb="2">
      <t>アシガラ</t>
    </rPh>
    <rPh sb="7" eb="8">
      <t>ムラ</t>
    </rPh>
    <phoneticPr fontId="1"/>
  </si>
  <si>
    <t>250-0121</t>
    <phoneticPr fontId="1"/>
  </si>
  <si>
    <t>南足柄市広町1507</t>
    <rPh sb="0" eb="4">
      <t>ミナミアシガラシ</t>
    </rPh>
    <rPh sb="4" eb="6">
      <t>ヒロマチ</t>
    </rPh>
    <phoneticPr fontId="1"/>
  </si>
  <si>
    <t>0465-72-2010</t>
    <phoneticPr fontId="1"/>
  </si>
  <si>
    <t>管理棟、集会棟、宿泊棟、野外炊事場、炊事工作棟、工作棟、ふれあい広場他</t>
    <rPh sb="0" eb="3">
      <t>カンリトウ</t>
    </rPh>
    <rPh sb="4" eb="6">
      <t>シュウカイ</t>
    </rPh>
    <rPh sb="6" eb="7">
      <t>トウ</t>
    </rPh>
    <rPh sb="8" eb="11">
      <t>シュクハクトウ</t>
    </rPh>
    <rPh sb="12" eb="14">
      <t>ヤガイ</t>
    </rPh>
    <rPh sb="14" eb="16">
      <t>スイジ</t>
    </rPh>
    <rPh sb="16" eb="17">
      <t>バ</t>
    </rPh>
    <rPh sb="18" eb="20">
      <t>スイジ</t>
    </rPh>
    <rPh sb="20" eb="22">
      <t>コウサク</t>
    </rPh>
    <rPh sb="22" eb="23">
      <t>トウ</t>
    </rPh>
    <rPh sb="24" eb="26">
      <t>コウサク</t>
    </rPh>
    <rPh sb="26" eb="27">
      <t>トウ</t>
    </rPh>
    <rPh sb="32" eb="34">
      <t>ヒロバ</t>
    </rPh>
    <rPh sb="34" eb="35">
      <t>ホカ</t>
    </rPh>
    <phoneticPr fontId="1"/>
  </si>
  <si>
    <t>施設全体状況を記載</t>
    <rPh sb="0" eb="2">
      <t>シセツ</t>
    </rPh>
    <rPh sb="2" eb="4">
      <t>ゼンタイ</t>
    </rPh>
    <rPh sb="4" eb="6">
      <t>ジョウキョウ</t>
    </rPh>
    <rPh sb="7" eb="9">
      <t>キサイ</t>
    </rPh>
    <phoneticPr fontId="1"/>
  </si>
  <si>
    <t>愛川ふれあいの村</t>
    <rPh sb="0" eb="2">
      <t>アイカワ</t>
    </rPh>
    <rPh sb="7" eb="8">
      <t>ムラ</t>
    </rPh>
    <phoneticPr fontId="1"/>
  </si>
  <si>
    <t>243-0307</t>
    <phoneticPr fontId="1"/>
  </si>
  <si>
    <t>愛甲郡愛川町半原3390</t>
    <rPh sb="0" eb="3">
      <t>アイコウグン</t>
    </rPh>
    <rPh sb="3" eb="6">
      <t>アイカワマチ</t>
    </rPh>
    <rPh sb="6" eb="8">
      <t>ハンバラ</t>
    </rPh>
    <phoneticPr fontId="1"/>
  </si>
  <si>
    <t>0462-81-1611</t>
    <phoneticPr fontId="1"/>
  </si>
  <si>
    <t>管理棟、集会室棟、宿泊棟、食堂・浴室棟、野外炊事場、ファイヤー場、グラウンド、体育館他</t>
    <rPh sb="0" eb="3">
      <t>カンリトウ</t>
    </rPh>
    <rPh sb="4" eb="6">
      <t>シュウカイ</t>
    </rPh>
    <rPh sb="6" eb="7">
      <t>シツ</t>
    </rPh>
    <rPh sb="7" eb="8">
      <t>トウ</t>
    </rPh>
    <rPh sb="9" eb="12">
      <t>シュクハクトウ</t>
    </rPh>
    <rPh sb="13" eb="15">
      <t>ショクドウ</t>
    </rPh>
    <rPh sb="16" eb="18">
      <t>ヨクシツ</t>
    </rPh>
    <rPh sb="18" eb="19">
      <t>トウ</t>
    </rPh>
    <rPh sb="20" eb="22">
      <t>ヤガイ</t>
    </rPh>
    <rPh sb="22" eb="24">
      <t>スイジ</t>
    </rPh>
    <rPh sb="24" eb="25">
      <t>バ</t>
    </rPh>
    <rPh sb="31" eb="32">
      <t>ジョウ</t>
    </rPh>
    <rPh sb="39" eb="42">
      <t>タイイクカン</t>
    </rPh>
    <rPh sb="42" eb="43">
      <t>ホカ</t>
    </rPh>
    <phoneticPr fontId="1"/>
  </si>
  <si>
    <t>観客席足元及び諸室に暖房有。リンク内には無。
リンクまでの動線が狭く、競技として使用できる規模ではない。（通常利用程度であれば可）</t>
    <rPh sb="29" eb="31">
      <t>ドウセン</t>
    </rPh>
    <rPh sb="32" eb="33">
      <t>セマ</t>
    </rPh>
    <rPh sb="35" eb="37">
      <t>キョウギ</t>
    </rPh>
    <rPh sb="40" eb="42">
      <t>シヨウ</t>
    </rPh>
    <rPh sb="45" eb="47">
      <t>キボ</t>
    </rPh>
    <rPh sb="53" eb="55">
      <t>ツウジョウ</t>
    </rPh>
    <rPh sb="55" eb="57">
      <t>リヨウ</t>
    </rPh>
    <rPh sb="57" eb="59">
      <t>テイド</t>
    </rPh>
    <rPh sb="63" eb="64">
      <t>カ</t>
    </rPh>
    <phoneticPr fontId="1"/>
  </si>
  <si>
    <t>大磯町</t>
    <rPh sb="0" eb="3">
      <t>オオイソマチ</t>
    </rPh>
    <phoneticPr fontId="1"/>
  </si>
  <si>
    <t>産業観光課</t>
    <rPh sb="0" eb="5">
      <t>サンギョウカンコウカ</t>
    </rPh>
    <phoneticPr fontId="1"/>
  </si>
  <si>
    <t>大磯海水浴場</t>
    <rPh sb="0" eb="6">
      <t>オオイソカイスイヨクジョウ</t>
    </rPh>
    <phoneticPr fontId="1"/>
  </si>
  <si>
    <t>255-0003</t>
    <phoneticPr fontId="1"/>
  </si>
  <si>
    <t>神奈川県中郡大磯町大磯1990</t>
    <phoneticPr fontId="1"/>
  </si>
  <si>
    <t>0463-61-4100（内線334）</t>
    <rPh sb="13" eb="15">
      <t>ナイセン</t>
    </rPh>
    <phoneticPr fontId="1"/>
  </si>
  <si>
    <t>200ｍ×200ｍ
40,000㎡</t>
    <phoneticPr fontId="1"/>
  </si>
  <si>
    <t>福祉課</t>
    <rPh sb="0" eb="3">
      <t>フクシカ</t>
    </rPh>
    <phoneticPr fontId="1"/>
  </si>
  <si>
    <t>岩田孝八記念室内競技場</t>
    <rPh sb="0" eb="2">
      <t>イワタ</t>
    </rPh>
    <rPh sb="2" eb="3">
      <t>タカシ</t>
    </rPh>
    <rPh sb="3" eb="4">
      <t>ハチ</t>
    </rPh>
    <rPh sb="4" eb="6">
      <t>キネン</t>
    </rPh>
    <rPh sb="6" eb="8">
      <t>シツナイ</t>
    </rPh>
    <rPh sb="8" eb="11">
      <t>キョウギジョウ</t>
    </rPh>
    <phoneticPr fontId="1"/>
  </si>
  <si>
    <t>259-0103</t>
  </si>
  <si>
    <t>中郡大磯町虫窪７</t>
    <rPh sb="0" eb="2">
      <t>ナカグン</t>
    </rPh>
    <rPh sb="2" eb="5">
      <t>オオイソマチ</t>
    </rPh>
    <rPh sb="5" eb="6">
      <t>ムシ</t>
    </rPh>
    <rPh sb="6" eb="7">
      <t>クボ</t>
    </rPh>
    <phoneticPr fontId="1"/>
  </si>
  <si>
    <t>0463-71-3650</t>
  </si>
  <si>
    <t>20m×15ｍ人工芝</t>
    <rPh sb="7" eb="10">
      <t>ジンコウシバ</t>
    </rPh>
    <phoneticPr fontId="1"/>
  </si>
  <si>
    <t>都市計画課</t>
    <rPh sb="0" eb="5">
      <t>トシケイカクカ</t>
    </rPh>
    <phoneticPr fontId="1"/>
  </si>
  <si>
    <t>そりゲレンデ</t>
  </si>
  <si>
    <t>259-0111</t>
  </si>
  <si>
    <t>中郡大磯町国府本郷2126-1</t>
    <rPh sb="0" eb="9">
      <t>ナカグンオオイソマチコクフホンゴウ</t>
    </rPh>
    <phoneticPr fontId="1"/>
  </si>
  <si>
    <t>0463-61-8822</t>
  </si>
  <si>
    <t>ストレッチ広場</t>
    <rPh sb="5" eb="7">
      <t>ヒロバ</t>
    </rPh>
    <phoneticPr fontId="1"/>
  </si>
  <si>
    <t>大井町</t>
    <rPh sb="0" eb="3">
      <t>オオイマチ</t>
    </rPh>
    <phoneticPr fontId="1"/>
  </si>
  <si>
    <t>都市整備課</t>
    <rPh sb="0" eb="2">
      <t>トシ</t>
    </rPh>
    <rPh sb="2" eb="4">
      <t>セイビ</t>
    </rPh>
    <rPh sb="4" eb="5">
      <t>カ</t>
    </rPh>
    <phoneticPr fontId="1"/>
  </si>
  <si>
    <t>おおい中央公園バスケットコート</t>
    <rPh sb="3" eb="5">
      <t>チュウオウ</t>
    </rPh>
    <rPh sb="5" eb="7">
      <t>コウエン</t>
    </rPh>
    <phoneticPr fontId="1"/>
  </si>
  <si>
    <t>258-0010</t>
  </si>
  <si>
    <t>神奈川県足柄上郡大井町大井中央284</t>
    <rPh sb="0" eb="4">
      <t>カナガワケン</t>
    </rPh>
    <rPh sb="4" eb="8">
      <t>アシガラカミグン</t>
    </rPh>
    <rPh sb="8" eb="11">
      <t>オオイマチ</t>
    </rPh>
    <rPh sb="11" eb="15">
      <t>オオイチュウオウ</t>
    </rPh>
    <phoneticPr fontId="1"/>
  </si>
  <si>
    <t>0465-85-5014</t>
  </si>
  <si>
    <t>バスケットゴール２（成人用１、ミニバス用１）</t>
    <rPh sb="10" eb="13">
      <t>セイジンヨウ</t>
    </rPh>
    <rPh sb="19" eb="20">
      <t>ヨウ</t>
    </rPh>
    <phoneticPr fontId="1"/>
  </si>
  <si>
    <t>３X３用（ハーフコート）</t>
    <rPh sb="3" eb="4">
      <t>ヨウ</t>
    </rPh>
    <phoneticPr fontId="1"/>
  </si>
  <si>
    <t>地域振興課</t>
    <rPh sb="0" eb="2">
      <t>チイキ</t>
    </rPh>
    <rPh sb="2" eb="4">
      <t>シンコウ</t>
    </rPh>
    <rPh sb="4" eb="5">
      <t>カ</t>
    </rPh>
    <phoneticPr fontId="1"/>
  </si>
  <si>
    <t>富士見塚ハイキングコース</t>
    <phoneticPr fontId="1"/>
  </si>
  <si>
    <t>神奈川県足柄上郡大井町</t>
    <rPh sb="0" eb="4">
      <t>カナガワケン</t>
    </rPh>
    <rPh sb="4" eb="8">
      <t>アシガラカミグン</t>
    </rPh>
    <rPh sb="8" eb="11">
      <t>オオイマチ</t>
    </rPh>
    <phoneticPr fontId="1"/>
  </si>
  <si>
    <t>0465-85-5013</t>
    <phoneticPr fontId="1"/>
  </si>
  <si>
    <t>酒匂川・足柄大橋ハイキングコース</t>
    <phoneticPr fontId="1"/>
  </si>
  <si>
    <t>寺社めぐりコース</t>
    <phoneticPr fontId="1"/>
  </si>
  <si>
    <t>松田町</t>
    <rPh sb="0" eb="3">
      <t>マツダマチ</t>
    </rPh>
    <phoneticPr fontId="1"/>
  </si>
  <si>
    <t>教育課</t>
    <rPh sb="0" eb="3">
      <t>キョウイクカ</t>
    </rPh>
    <phoneticPr fontId="1"/>
  </si>
  <si>
    <t>松田町生涯学習センター</t>
    <rPh sb="0" eb="3">
      <t>マツダマチ</t>
    </rPh>
    <rPh sb="3" eb="7">
      <t>ショウガイガクシュウ</t>
    </rPh>
    <phoneticPr fontId="1"/>
  </si>
  <si>
    <t>258-0003</t>
  </si>
  <si>
    <t>神奈川県足柄上郡松田町松田惣領2078</t>
    <rPh sb="0" eb="4">
      <t>カナガワケン</t>
    </rPh>
    <rPh sb="4" eb="8">
      <t>アシガラカミグン</t>
    </rPh>
    <rPh sb="8" eb="11">
      <t>マツダマチ</t>
    </rPh>
    <rPh sb="11" eb="13">
      <t>マツダ</t>
    </rPh>
    <rPh sb="13" eb="15">
      <t>ソウリョウ</t>
    </rPh>
    <phoneticPr fontId="1"/>
  </si>
  <si>
    <t>0465-83-7021</t>
  </si>
  <si>
    <t>ボルダリングウォール
・クライミングウォール H=5.0m W=21.6m ６コース
・ロープクライミング H=7.2m W=1.8m 初級１コース</t>
    <rPh sb="68" eb="70">
      <t>ショキュウ</t>
    </rPh>
    <phoneticPr fontId="1"/>
  </si>
  <si>
    <t>リードウォール
・ロープクライミング H=13.0m W=6.0m ３コース</t>
    <phoneticPr fontId="1"/>
  </si>
  <si>
    <t>山北町</t>
    <rPh sb="0" eb="2">
      <t>ヤマキタ</t>
    </rPh>
    <rPh sb="2" eb="3">
      <t>マチ</t>
    </rPh>
    <phoneticPr fontId="1"/>
  </si>
  <si>
    <t>商工観光課</t>
    <rPh sb="0" eb="5">
      <t>ショウコウカンコウカ</t>
    </rPh>
    <phoneticPr fontId="1"/>
  </si>
  <si>
    <t>洒水の滝
河村城址ハイキングコース</t>
    <rPh sb="0" eb="2">
      <t>シャスイ</t>
    </rPh>
    <rPh sb="3" eb="4">
      <t>タキ</t>
    </rPh>
    <rPh sb="5" eb="9">
      <t>カワムラジョウシ</t>
    </rPh>
    <phoneticPr fontId="1"/>
  </si>
  <si>
    <t>山北町</t>
    <rPh sb="0" eb="3">
      <t>ヤマキタマチ</t>
    </rPh>
    <phoneticPr fontId="1"/>
  </si>
  <si>
    <t>0465-75-3646</t>
    <phoneticPr fontId="1"/>
  </si>
  <si>
    <t>高松山ハイキングコース</t>
    <rPh sb="0" eb="3">
      <t>タカマツヤマ</t>
    </rPh>
    <phoneticPr fontId="1"/>
  </si>
  <si>
    <t>大野山ハイキングコース</t>
    <rPh sb="0" eb="3">
      <t>オオノヤマ</t>
    </rPh>
    <phoneticPr fontId="1"/>
  </si>
  <si>
    <t>不老山ハイキングコース</t>
    <rPh sb="0" eb="2">
      <t>フロウ</t>
    </rPh>
    <rPh sb="2" eb="3">
      <t>ヤマ</t>
    </rPh>
    <phoneticPr fontId="1"/>
  </si>
  <si>
    <t>ひだまりの里オートキャンプ１４サイト</t>
    <rPh sb="5" eb="6">
      <t>サト</t>
    </rPh>
    <phoneticPr fontId="1"/>
  </si>
  <si>
    <t>258-0126</t>
    <phoneticPr fontId="1"/>
  </si>
  <si>
    <t>山北町神縄438</t>
    <rPh sb="0" eb="3">
      <t>ヤマキタマチ</t>
    </rPh>
    <rPh sb="3" eb="5">
      <t>カミナワ</t>
    </rPh>
    <phoneticPr fontId="1"/>
  </si>
  <si>
    <t>0465-77-2777</t>
    <phoneticPr fontId="1"/>
  </si>
  <si>
    <t>ひだまりの里デイキャンプ</t>
    <rPh sb="5" eb="6">
      <t>サト</t>
    </rPh>
    <phoneticPr fontId="1"/>
  </si>
  <si>
    <t>開成町</t>
    <rPh sb="0" eb="3">
      <t>カイセイマチ</t>
    </rPh>
    <phoneticPr fontId="1"/>
  </si>
  <si>
    <t>開成水辺スポーツ公園</t>
    <rPh sb="0" eb="2">
      <t>カイセイ</t>
    </rPh>
    <rPh sb="2" eb="4">
      <t>ミズベ</t>
    </rPh>
    <rPh sb="8" eb="10">
      <t>コウエン</t>
    </rPh>
    <phoneticPr fontId="1"/>
  </si>
  <si>
    <t>258-0021</t>
    <phoneticPr fontId="1"/>
  </si>
  <si>
    <t>開成町吉田島2710</t>
    <rPh sb="0" eb="3">
      <t>カイセイマチ</t>
    </rPh>
    <rPh sb="3" eb="6">
      <t>ヨシダジマ</t>
    </rPh>
    <phoneticPr fontId="1"/>
  </si>
  <si>
    <t>0465-83-1331</t>
    <phoneticPr fontId="1"/>
  </si>
  <si>
    <t>パークゴルフ場(27ホール)
あじさいコース(９ホール)
しいがしコース(９ホール)
ばらコース(９ホール)</t>
    <rPh sb="6" eb="7">
      <t>ジョウ</t>
    </rPh>
    <phoneticPr fontId="1"/>
  </si>
  <si>
    <t>箱根町</t>
    <rPh sb="0" eb="3">
      <t>ハコネマチ</t>
    </rPh>
    <phoneticPr fontId="1"/>
  </si>
  <si>
    <t>観光課</t>
    <rPh sb="0" eb="3">
      <t>カンコウカ</t>
    </rPh>
    <phoneticPr fontId="1"/>
  </si>
  <si>
    <t>塔ノ峰コース</t>
    <phoneticPr fontId="1"/>
  </si>
  <si>
    <t>コース距離　約2.7ｋｍ</t>
    <phoneticPr fontId="1"/>
  </si>
  <si>
    <t>湯坂路コース</t>
    <phoneticPr fontId="1"/>
  </si>
  <si>
    <t>コース距離　約6.5ｋｍ</t>
    <phoneticPr fontId="1"/>
  </si>
  <si>
    <t>金時山コース</t>
    <phoneticPr fontId="1"/>
  </si>
  <si>
    <t>乙女峠コース　約1.9ｋｍ
金時神社コース　約2.1ｋｍ
金時登山口コース　約2.3ｋｍ</t>
    <phoneticPr fontId="1"/>
  </si>
  <si>
    <t>明神・明星コース</t>
    <phoneticPr fontId="1"/>
  </si>
  <si>
    <t>明神ヶ岳コース　約3.5ｋｍ
明星ヶ岳コース　約2.0ｋｍ</t>
    <phoneticPr fontId="1"/>
  </si>
  <si>
    <t>浅間山コース</t>
    <phoneticPr fontId="1"/>
  </si>
  <si>
    <t>大平台コース　2.2ｋｍ
宮ノ下コース　2.0ｋｍ
小涌谷コース　2.3ｋｍ</t>
    <phoneticPr fontId="1"/>
  </si>
  <si>
    <t>屏風山コース</t>
    <phoneticPr fontId="1"/>
  </si>
  <si>
    <t>コース距離　約3.0ｋｍ</t>
    <phoneticPr fontId="1"/>
  </si>
  <si>
    <t>神山コース</t>
    <phoneticPr fontId="1"/>
  </si>
  <si>
    <t>早雲山コース　約3.3ｋｍ
駒ケ岳コース　約1.7ｋｍ</t>
    <phoneticPr fontId="1"/>
  </si>
  <si>
    <t>早雲山・防ケ沢コース</t>
    <phoneticPr fontId="1"/>
  </si>
  <si>
    <t>コース距離　約6.7ｋｍ</t>
    <phoneticPr fontId="1"/>
  </si>
  <si>
    <t>長尾峠コース</t>
    <phoneticPr fontId="1"/>
  </si>
  <si>
    <t>乙女峠コース　約3.0ｋｍ
深良水門コース　約5.1ｋｍ
尾根経由コース　約3.3ｋｍ</t>
    <phoneticPr fontId="1"/>
  </si>
  <si>
    <t>箱根町総合体育館｢星槎レイクアリーナ箱根」オリエンテーリングコース</t>
    <rPh sb="9" eb="11">
      <t>セイサ</t>
    </rPh>
    <phoneticPr fontId="1"/>
  </si>
  <si>
    <t>オリエンテーリングコース</t>
  </si>
  <si>
    <t>ショートコース　3㎞</t>
    <phoneticPr fontId="1"/>
  </si>
  <si>
    <t>面積は図面より算出
基本、半面毎の貸出</t>
    <rPh sb="0" eb="2">
      <t>メンセキ</t>
    </rPh>
    <rPh sb="3" eb="5">
      <t>ズメン</t>
    </rPh>
    <rPh sb="7" eb="9">
      <t>サンシュツ</t>
    </rPh>
    <rPh sb="10" eb="12">
      <t>キホン</t>
    </rPh>
    <rPh sb="13" eb="15">
      <t>ハンメン</t>
    </rPh>
    <rPh sb="15" eb="16">
      <t>マイ</t>
    </rPh>
    <rPh sb="17" eb="19">
      <t>カシダシ</t>
    </rPh>
    <phoneticPr fontId="1"/>
  </si>
  <si>
    <t>愛川町</t>
    <rPh sb="0" eb="3">
      <t>アイカワマチ</t>
    </rPh>
    <phoneticPr fontId="1"/>
  </si>
  <si>
    <t>中津公民館</t>
    <rPh sb="0" eb="5">
      <t>ナカツコウミンカン</t>
    </rPh>
    <phoneticPr fontId="1"/>
  </si>
  <si>
    <t>243-0303</t>
    <phoneticPr fontId="1"/>
  </si>
  <si>
    <t xml:space="preserve">愛川町中津293-3 </t>
    <phoneticPr fontId="1"/>
  </si>
  <si>
    <t>046-285-1600</t>
    <phoneticPr fontId="1"/>
  </si>
  <si>
    <t>多目的ルーム</t>
    <rPh sb="0" eb="3">
      <t>タモクテキ</t>
    </rPh>
    <phoneticPr fontId="1"/>
  </si>
  <si>
    <t>八菅山ハイキングコース</t>
  </si>
  <si>
    <t>愛川町中津、八菅山、厚木市上荻野</t>
    <rPh sb="0" eb="2">
      <t>アイカワ</t>
    </rPh>
    <rPh sb="2" eb="3">
      <t>マチ</t>
    </rPh>
    <rPh sb="3" eb="5">
      <t>ナカツ</t>
    </rPh>
    <rPh sb="6" eb="7">
      <t>ハチ</t>
    </rPh>
    <rPh sb="7" eb="8">
      <t>スガ</t>
    </rPh>
    <rPh sb="8" eb="9">
      <t>ヤマ</t>
    </rPh>
    <rPh sb="10" eb="13">
      <t>アツギシ</t>
    </rPh>
    <rPh sb="13" eb="14">
      <t>ウエ</t>
    </rPh>
    <rPh sb="14" eb="16">
      <t>オギノ</t>
    </rPh>
    <phoneticPr fontId="1"/>
  </si>
  <si>
    <t>046-285-2111</t>
    <phoneticPr fontId="1"/>
  </si>
  <si>
    <t>三栗山ハイキングコース</t>
  </si>
  <si>
    <t>愛川町三増</t>
    <rPh sb="0" eb="2">
      <t>アイカワ</t>
    </rPh>
    <rPh sb="2" eb="3">
      <t>マチ</t>
    </rPh>
    <rPh sb="3" eb="5">
      <t>ミマセ</t>
    </rPh>
    <phoneticPr fontId="1"/>
  </si>
  <si>
    <t>三増峠ハイキングコース</t>
  </si>
  <si>
    <t>志田山・清正光ハイキングコース</t>
  </si>
  <si>
    <t>経ヶ岳・半原越ハイキングコース</t>
  </si>
  <si>
    <t>愛川町田代、半原</t>
    <rPh sb="0" eb="2">
      <t>アイカワ</t>
    </rPh>
    <rPh sb="2" eb="3">
      <t>マチ</t>
    </rPh>
    <rPh sb="3" eb="5">
      <t>タシロ</t>
    </rPh>
    <rPh sb="6" eb="8">
      <t>ハンバラ</t>
    </rPh>
    <phoneticPr fontId="1"/>
  </si>
  <si>
    <t>半原越・仏果山ハイキングコース</t>
  </si>
  <si>
    <t>愛川町半原</t>
    <rPh sb="0" eb="3">
      <t>アイカワマチ</t>
    </rPh>
    <rPh sb="3" eb="5">
      <t>ハンバラ</t>
    </rPh>
    <phoneticPr fontId="1"/>
  </si>
  <si>
    <t>仏果山ハイキングコース</t>
  </si>
  <si>
    <t>愛川町半原</t>
    <rPh sb="0" eb="2">
      <t>アイカワ</t>
    </rPh>
    <rPh sb="2" eb="3">
      <t>マチ</t>
    </rPh>
    <rPh sb="3" eb="5">
      <t>ハンバラ</t>
    </rPh>
    <phoneticPr fontId="1"/>
  </si>
  <si>
    <t>高取山ハイキングコース</t>
  </si>
  <si>
    <t>宮ヶ瀬ダム・県立あいかわ公園ハイキングコース</t>
    <rPh sb="6" eb="8">
      <t>ケンリツ</t>
    </rPh>
    <rPh sb="12" eb="14">
      <t>コウエン</t>
    </rPh>
    <phoneticPr fontId="1"/>
  </si>
  <si>
    <t>旗立松ハイキングコース</t>
  </si>
  <si>
    <t>鳶尾山ハイキングコース</t>
  </si>
  <si>
    <t>愛川町中津、八菅山、厚木市鳶尾</t>
    <rPh sb="0" eb="2">
      <t>アイカワ</t>
    </rPh>
    <rPh sb="2" eb="3">
      <t>マチ</t>
    </rPh>
    <rPh sb="3" eb="5">
      <t>ナカツ</t>
    </rPh>
    <rPh sb="6" eb="7">
      <t>ハチ</t>
    </rPh>
    <rPh sb="7" eb="8">
      <t>スガ</t>
    </rPh>
    <rPh sb="8" eb="9">
      <t>ヤマ</t>
    </rPh>
    <rPh sb="10" eb="13">
      <t>アツギシ</t>
    </rPh>
    <rPh sb="13" eb="15">
      <t>トビオ</t>
    </rPh>
    <phoneticPr fontId="1"/>
  </si>
  <si>
    <t>八菅修験ハイキングコース</t>
    <rPh sb="2" eb="4">
      <t>シュゲン</t>
    </rPh>
    <phoneticPr fontId="1"/>
  </si>
  <si>
    <t>愛川町中津、八菅山、角田</t>
    <rPh sb="0" eb="3">
      <t>アイカワマチ</t>
    </rPh>
    <rPh sb="3" eb="5">
      <t>ナカツ</t>
    </rPh>
    <rPh sb="6" eb="7">
      <t>ハチ</t>
    </rPh>
    <rPh sb="7" eb="8">
      <t>スガ</t>
    </rPh>
    <rPh sb="8" eb="9">
      <t>ヤマ</t>
    </rPh>
    <rPh sb="10" eb="12">
      <t>スミダ</t>
    </rPh>
    <phoneticPr fontId="1"/>
  </si>
  <si>
    <t>富士居山ハイキングコース</t>
    <rPh sb="0" eb="2">
      <t>フジ</t>
    </rPh>
    <rPh sb="2" eb="3">
      <t>イ</t>
    </rPh>
    <rPh sb="3" eb="4">
      <t>ヤマ</t>
    </rPh>
    <phoneticPr fontId="1"/>
  </si>
  <si>
    <t>愛川町田代、半原</t>
    <rPh sb="0" eb="3">
      <t>アイカワマチ</t>
    </rPh>
    <rPh sb="3" eb="5">
      <t>タシロ</t>
    </rPh>
    <rPh sb="6" eb="8">
      <t>ハンバラ</t>
    </rPh>
    <phoneticPr fontId="1"/>
  </si>
  <si>
    <t>古民家・古いまちなみ散策ハイキングコース</t>
    <rPh sb="0" eb="3">
      <t>コミンカ</t>
    </rPh>
    <rPh sb="4" eb="5">
      <t>フル</t>
    </rPh>
    <phoneticPr fontId="1"/>
  </si>
  <si>
    <t>愛川町中津</t>
    <rPh sb="0" eb="2">
      <t>アイカワ</t>
    </rPh>
    <rPh sb="2" eb="3">
      <t>マチ</t>
    </rPh>
    <rPh sb="3" eb="5">
      <t>ナカツ</t>
    </rPh>
    <phoneticPr fontId="1"/>
  </si>
  <si>
    <t>三増合戦史跡めぐりハイキングコース</t>
  </si>
  <si>
    <t>愛川町三増</t>
    <rPh sb="0" eb="3">
      <t>アイカワマチ</t>
    </rPh>
    <rPh sb="3" eb="5">
      <t>ミマセ</t>
    </rPh>
    <phoneticPr fontId="1"/>
  </si>
  <si>
    <t>中津川の清流と田園の道ハイキングコース</t>
  </si>
  <si>
    <t>愛川町田代、角田、中津</t>
    <rPh sb="0" eb="3">
      <t>アイカワマチ</t>
    </rPh>
    <rPh sb="3" eb="5">
      <t>タシロ</t>
    </rPh>
    <rPh sb="6" eb="8">
      <t>ツノダ</t>
    </rPh>
    <rPh sb="9" eb="11">
      <t>ナカツ</t>
    </rPh>
    <phoneticPr fontId="1"/>
  </si>
  <si>
    <t>スポーツ・文化振興課</t>
    <rPh sb="5" eb="10">
      <t>ブンカシンコウカ</t>
    </rPh>
    <phoneticPr fontId="1"/>
  </si>
  <si>
    <t>第1号公園体育館</t>
    <rPh sb="0" eb="1">
      <t>ダイ</t>
    </rPh>
    <rPh sb="2" eb="5">
      <t>ゴウコウエン</t>
    </rPh>
    <rPh sb="5" eb="8">
      <t>タイイクカン</t>
    </rPh>
    <phoneticPr fontId="1"/>
  </si>
  <si>
    <t>愛川町中津4043</t>
    <phoneticPr fontId="1"/>
  </si>
  <si>
    <t>046-285-1818</t>
    <phoneticPr fontId="1"/>
  </si>
  <si>
    <t>中津工業団地第2号公園</t>
    <rPh sb="0" eb="2">
      <t>ナカツ</t>
    </rPh>
    <rPh sb="2" eb="6">
      <t>コウギョウダンチ</t>
    </rPh>
    <rPh sb="6" eb="7">
      <t>ダイ</t>
    </rPh>
    <rPh sb="8" eb="9">
      <t>ゴウ</t>
    </rPh>
    <rPh sb="9" eb="11">
      <t>コウエン</t>
    </rPh>
    <phoneticPr fontId="1"/>
  </si>
  <si>
    <t>愛川町中津4059</t>
    <phoneticPr fontId="1"/>
  </si>
  <si>
    <t>大人用ゴール、子ども用ゴール</t>
    <rPh sb="0" eb="3">
      <t>オトナヨウ</t>
    </rPh>
    <rPh sb="7" eb="8">
      <t>コ</t>
    </rPh>
    <rPh sb="10" eb="11">
      <t>ヨウ</t>
    </rPh>
    <phoneticPr fontId="1"/>
  </si>
  <si>
    <t>中津工業団地第1号公園</t>
    <rPh sb="0" eb="2">
      <t>ナカツ</t>
    </rPh>
    <rPh sb="2" eb="6">
      <t>コウギョウダンチ</t>
    </rPh>
    <rPh sb="6" eb="7">
      <t>ダイ</t>
    </rPh>
    <rPh sb="8" eb="11">
      <t>ゴウコウエン</t>
    </rPh>
    <phoneticPr fontId="1"/>
  </si>
  <si>
    <t>750メートル</t>
    <phoneticPr fontId="1"/>
  </si>
  <si>
    <t>都市施設課</t>
    <rPh sb="0" eb="5">
      <t>トシシセツカ</t>
    </rPh>
    <phoneticPr fontId="1"/>
  </si>
  <si>
    <t>八菅山いこいの森</t>
    <rPh sb="0" eb="1">
      <t>ハチ</t>
    </rPh>
    <rPh sb="1" eb="2">
      <t>スガ</t>
    </rPh>
    <rPh sb="2" eb="3">
      <t>ヤマ</t>
    </rPh>
    <rPh sb="7" eb="8">
      <t>モリ</t>
    </rPh>
    <phoneticPr fontId="1"/>
  </si>
  <si>
    <t>愛川町八菅山</t>
    <rPh sb="0" eb="3">
      <t>アイカワマチ</t>
    </rPh>
    <rPh sb="3" eb="4">
      <t>ハチ</t>
    </rPh>
    <rPh sb="4" eb="5">
      <t>スガ</t>
    </rPh>
    <rPh sb="5" eb="6">
      <t>ヤマ</t>
    </rPh>
    <phoneticPr fontId="1"/>
  </si>
  <si>
    <t>丸太橋やネットクライミングなどアスレチック20か所</t>
    <rPh sb="0" eb="3">
      <t>マルタバシ</t>
    </rPh>
    <rPh sb="24" eb="25">
      <t>ショ</t>
    </rPh>
    <phoneticPr fontId="1"/>
  </si>
  <si>
    <t>面積は施設全体</t>
    <rPh sb="0" eb="2">
      <t>メンセキ</t>
    </rPh>
    <rPh sb="3" eb="5">
      <t>シセツ</t>
    </rPh>
    <rPh sb="5" eb="7">
      <t>ゼンタイ</t>
    </rPh>
    <phoneticPr fontId="1"/>
  </si>
  <si>
    <t>個別施設等名称</t>
    <rPh sb="0" eb="2">
      <t>コベツ</t>
    </rPh>
    <rPh sb="2" eb="4">
      <t>シセツ</t>
    </rPh>
    <rPh sb="4" eb="5">
      <t>トウ</t>
    </rPh>
    <rPh sb="5" eb="7">
      <t>メイショウ</t>
    </rPh>
    <phoneticPr fontId="1"/>
  </si>
  <si>
    <t>項番</t>
    <rPh sb="0" eb="2">
      <t>コウバン</t>
    </rPh>
    <phoneticPr fontId="1"/>
  </si>
  <si>
    <t>淵野辺公園（ひばり球場、テニス場、相模原球場）</t>
    <rPh sb="0" eb="3">
      <t>フチノベ</t>
    </rPh>
    <rPh sb="3" eb="5">
      <t>コウエン</t>
    </rPh>
    <rPh sb="9" eb="11">
      <t>キュウジョウ</t>
    </rPh>
    <rPh sb="15" eb="16">
      <t>ジョウ</t>
    </rPh>
    <rPh sb="17" eb="20">
      <t>サガミハラ</t>
    </rPh>
    <rPh sb="20" eb="22">
      <t>キュウジョウ</t>
    </rPh>
    <phoneticPr fontId="1"/>
  </si>
  <si>
    <t>横浜水道道ジョギングコース</t>
    <phoneticPr fontId="1"/>
  </si>
  <si>
    <t>いこいの森</t>
    <phoneticPr fontId="6"/>
  </si>
  <si>
    <t>いこいの森　ターゲットバードゴルフ場</t>
    <rPh sb="17" eb="18">
      <t>バ</t>
    </rPh>
    <phoneticPr fontId="6"/>
  </si>
  <si>
    <t>石橋山古戦場・米神漁港コース</t>
    <phoneticPr fontId="1"/>
  </si>
  <si>
    <t>国府津・曽我の里散策コース</t>
    <phoneticPr fontId="1"/>
  </si>
  <si>
    <t>白山ハイキングコース</t>
    <phoneticPr fontId="1"/>
  </si>
  <si>
    <t>白山順礼峠ハイキングコース</t>
    <phoneticPr fontId="1"/>
  </si>
  <si>
    <t>鐘ヶ嶽ハイキングコース</t>
    <phoneticPr fontId="1"/>
  </si>
  <si>
    <t>日向薬師ハイキングコース</t>
    <phoneticPr fontId="1"/>
  </si>
  <si>
    <t>見城ハイキングコース</t>
    <phoneticPr fontId="1"/>
  </si>
  <si>
    <t>大和スポーツセンター</t>
    <rPh sb="0" eb="2">
      <t>ヤマト</t>
    </rPh>
    <phoneticPr fontId="1"/>
  </si>
  <si>
    <t>大和市柳橋五丁目19-1ほか</t>
    <phoneticPr fontId="1"/>
  </si>
  <si>
    <t>万葉コース</t>
    <phoneticPr fontId="1"/>
  </si>
  <si>
    <t>仙元山ハイキングコース</t>
    <phoneticPr fontId="1"/>
  </si>
  <si>
    <t>大磯運動公園</t>
    <rPh sb="0" eb="6">
      <t>オオイソウンドウコウエン</t>
    </rPh>
    <phoneticPr fontId="1"/>
  </si>
  <si>
    <t>ひだまりの里</t>
    <rPh sb="5" eb="6">
      <t>サト</t>
    </rPh>
    <phoneticPr fontId="1"/>
  </si>
  <si>
    <t>かわさき多摩川ふれあいロード（多摩川河口青少年サイクリングコース）</t>
    <phoneticPr fontId="1"/>
  </si>
  <si>
    <t>かわさき多摩川ふれあいロード（多摩川サイクリングコース）</t>
    <phoneticPr fontId="1"/>
  </si>
  <si>
    <t>厚木市・高松山ハイキングコース</t>
    <rPh sb="0" eb="3">
      <t>アツギシ</t>
    </rPh>
    <phoneticPr fontId="1"/>
  </si>
  <si>
    <t>厚木市・鳶尾山ハイキングコース</t>
    <rPh sb="0" eb="3">
      <t>アツギシ</t>
    </rPh>
    <phoneticPr fontId="1"/>
  </si>
  <si>
    <t>港湾局川崎港管理センター港営課</t>
    <rPh sb="0" eb="2">
      <t>コウワン</t>
    </rPh>
    <rPh sb="2" eb="3">
      <t>キョク</t>
    </rPh>
    <rPh sb="3" eb="6">
      <t>カワサキコウ</t>
    </rPh>
    <rPh sb="6" eb="8">
      <t>カンリ</t>
    </rPh>
    <rPh sb="12" eb="13">
      <t>ミナト</t>
    </rPh>
    <rPh sb="13" eb="14">
      <t>エイ</t>
    </rPh>
    <rPh sb="14" eb="15">
      <t>カ</t>
    </rPh>
    <phoneticPr fontId="1"/>
  </si>
  <si>
    <t>東扇島西公園</t>
  </si>
  <si>
    <t>川崎市川崎区東扇島
94‐1</t>
  </si>
  <si>
    <t>044-287-6034</t>
  </si>
  <si>
    <t>釣り場</t>
    <rPh sb="0" eb="1">
      <t>ツ</t>
    </rPh>
    <rPh sb="2" eb="3">
      <t>バ</t>
    </rPh>
    <phoneticPr fontId="1"/>
  </si>
  <si>
    <t>浮島つり園</t>
  </si>
  <si>
    <t>210-0862</t>
  </si>
  <si>
    <t>川崎市川崎区浮島町500番地先</t>
    <rPh sb="0" eb="3">
      <t>カワサキシ</t>
    </rPh>
    <rPh sb="12" eb="14">
      <t>バンチ</t>
    </rPh>
    <rPh sb="14" eb="15">
      <t>サキ</t>
    </rPh>
    <phoneticPr fontId="13"/>
  </si>
  <si>
    <t>令和元年台風15号の被害により、令和元年9月9日（月）から閉鎖中</t>
    <rPh sb="29" eb="32">
      <t>ヘイサチュウ</t>
    </rPh>
    <phoneticPr fontId="1"/>
  </si>
  <si>
    <t>天園ハイキングコース</t>
    <phoneticPr fontId="1"/>
  </si>
  <si>
    <t>鎌倉市</t>
    <phoneticPr fontId="1"/>
  </si>
  <si>
    <t>0467-61-3884</t>
    <phoneticPr fontId="1"/>
  </si>
  <si>
    <t>大仏・葛原岡ハイキングコース</t>
    <phoneticPr fontId="1"/>
  </si>
  <si>
    <t>祇園山ハイキングコース</t>
    <phoneticPr fontId="1"/>
  </si>
  <si>
    <t>無</t>
    <rPh sb="0" eb="1">
      <t>ム</t>
    </rPh>
    <phoneticPr fontId="1"/>
  </si>
  <si>
    <t>山北町パークゴルフ場</t>
    <rPh sb="0" eb="3">
      <t>ヤマキタマチ</t>
    </rPh>
    <rPh sb="9" eb="10">
      <t>ジョウ</t>
    </rPh>
    <phoneticPr fontId="1"/>
  </si>
  <si>
    <t>258-0113</t>
    <phoneticPr fontId="1"/>
  </si>
  <si>
    <t>足柄上郡山北町山北3313-4</t>
    <phoneticPr fontId="1"/>
  </si>
  <si>
    <t>0465-75-3789</t>
    <phoneticPr fontId="1"/>
  </si>
  <si>
    <t>パークゴルフ場（18ホール）</t>
    <rPh sb="6" eb="7">
      <t>バ</t>
    </rPh>
    <phoneticPr fontId="1"/>
  </si>
  <si>
    <t>×</t>
    <phoneticPr fontId="1"/>
  </si>
  <si>
    <t>箱根町社会教育センター</t>
  </si>
  <si>
    <t>250-0406</t>
  </si>
  <si>
    <t>足柄下郡箱根町小涌谷５２０</t>
    <rPh sb="0" eb="4">
      <t>アシガラシモグン</t>
    </rPh>
    <phoneticPr fontId="1"/>
  </si>
  <si>
    <t>0460-82-2694</t>
  </si>
  <si>
    <t>軽スポーツ室</t>
    <rPh sb="0" eb="1">
      <t>カル</t>
    </rPh>
    <rPh sb="5" eb="6">
      <t>シツ</t>
    </rPh>
    <phoneticPr fontId="1"/>
  </si>
  <si>
    <t>冷房なし、暖房のみ</t>
    <rPh sb="0" eb="2">
      <t>レイボウ</t>
    </rPh>
    <rPh sb="5" eb="7">
      <t>ダンボウ</t>
    </rPh>
    <phoneticPr fontId="1"/>
  </si>
  <si>
    <t>中井町</t>
  </si>
  <si>
    <t>こゆるぎの丘コース</t>
  </si>
  <si>
    <t>0465-81-5546</t>
  </si>
  <si>
    <t xml:space="preserve">距離：4,945ｍ、所要時間：73分
</t>
  </si>
  <si>
    <t>さとやまコース</t>
  </si>
  <si>
    <t xml:space="preserve">距離：5,945ｍ、所要時間：91分
</t>
  </si>
  <si>
    <t>白山コース</t>
    <rPh sb="0" eb="2">
      <t>シロヤマ</t>
    </rPh>
    <phoneticPr fontId="10"/>
  </si>
  <si>
    <t>中井町</t>
    <rPh sb="0" eb="3">
      <t>ナカイマチ</t>
    </rPh>
    <phoneticPr fontId="10"/>
  </si>
  <si>
    <t>0465-81-3907</t>
    <phoneticPr fontId="1"/>
  </si>
  <si>
    <t>8.3㎞、所要時間2時間30分</t>
    <rPh sb="5" eb="7">
      <t>ショヨウ</t>
    </rPh>
    <rPh sb="7" eb="9">
      <t>ジカン</t>
    </rPh>
    <rPh sb="10" eb="11">
      <t>ジ</t>
    </rPh>
    <rPh sb="11" eb="12">
      <t>カン</t>
    </rPh>
    <rPh sb="14" eb="15">
      <t>フン</t>
    </rPh>
    <phoneticPr fontId="10"/>
  </si>
  <si>
    <t>所要時間約4時間</t>
  </si>
  <si>
    <t>7㎞、所要時間1時間50分</t>
    <rPh sb="3" eb="5">
      <t>ショヨウ</t>
    </rPh>
    <rPh sb="5" eb="7">
      <t>ジカン</t>
    </rPh>
    <rPh sb="8" eb="10">
      <t>ジカン</t>
    </rPh>
    <rPh sb="12" eb="13">
      <t>フン</t>
    </rPh>
    <phoneticPr fontId="6"/>
  </si>
  <si>
    <t>仙元コース</t>
  </si>
  <si>
    <t>9.5㎞、所要時間約2時間45分</t>
  </si>
  <si>
    <t>震生湖コース</t>
  </si>
  <si>
    <t>7.8㎞、所要時間約2時間</t>
  </si>
  <si>
    <t>花籠コース</t>
  </si>
  <si>
    <t>7㎞、所要時間約１時間30分</t>
  </si>
  <si>
    <t>双籠コース</t>
  </si>
  <si>
    <t>5.8㎞、所要時間約１時間25分</t>
  </si>
  <si>
    <t>八幡コース</t>
  </si>
  <si>
    <t>7.7㎞、所要時間約1時間55分</t>
  </si>
  <si>
    <t>パノラマハイキングコース</t>
  </si>
  <si>
    <t>所要時間4時間</t>
  </si>
  <si>
    <t>不動山ハイキングコース</t>
    <phoneticPr fontId="1"/>
  </si>
  <si>
    <t>横穴コース</t>
    <phoneticPr fontId="1"/>
  </si>
  <si>
    <t>酒匂川サイクリングコース（開成町分）</t>
    <rPh sb="0" eb="3">
      <t>サカワガワ</t>
    </rPh>
    <rPh sb="13" eb="16">
      <t>カイセイマチ</t>
    </rPh>
    <rPh sb="16" eb="17">
      <t>ブン</t>
    </rPh>
    <phoneticPr fontId="1"/>
  </si>
  <si>
    <t>0465-84-0325</t>
  </si>
  <si>
    <t>3.4km（開成町内）
幅員２m（アスファルト簡易舗装）</t>
    <rPh sb="6" eb="8">
      <t>カイセイ</t>
    </rPh>
    <rPh sb="8" eb="10">
      <t>マチナイ</t>
    </rPh>
    <rPh sb="12" eb="13">
      <t>ハバ</t>
    </rPh>
    <rPh sb="23" eb="25">
      <t>カンイ</t>
    </rPh>
    <rPh sb="25" eb="27">
      <t>ホソウ</t>
    </rPh>
    <phoneticPr fontId="1"/>
  </si>
  <si>
    <t>令和２年に県から移管</t>
    <rPh sb="0" eb="2">
      <t>レイワ</t>
    </rPh>
    <rPh sb="3" eb="4">
      <t>ネン</t>
    </rPh>
    <rPh sb="5" eb="6">
      <t>ケン</t>
    </rPh>
    <rPh sb="8" eb="10">
      <t>イカン</t>
    </rPh>
    <phoneticPr fontId="1"/>
  </si>
  <si>
    <t>無</t>
    <rPh sb="0" eb="1">
      <t>ナ</t>
    </rPh>
    <phoneticPr fontId="1"/>
  </si>
  <si>
    <t>観光経済課</t>
    <rPh sb="0" eb="5">
      <t>カンコウケイザイカ</t>
    </rPh>
    <phoneticPr fontId="1"/>
  </si>
  <si>
    <t>川音川パークゴルフ場</t>
    <rPh sb="0" eb="2">
      <t>カワオト</t>
    </rPh>
    <rPh sb="2" eb="3">
      <t>カワ</t>
    </rPh>
    <rPh sb="9" eb="10">
      <t>ジョウ</t>
    </rPh>
    <phoneticPr fontId="1"/>
  </si>
  <si>
    <t>神奈川県足柄上郡松田町松田惣領885</t>
  </si>
  <si>
    <t>080-2061-1016</t>
  </si>
  <si>
    <t>ホール数18ホール、Par66</t>
  </si>
  <si>
    <t>無</t>
    <rPh sb="0" eb="1">
      <t>ム</t>
    </rPh>
    <phoneticPr fontId="1"/>
  </si>
  <si>
    <t>健康福祉局高齢健康福祉課</t>
    <rPh sb="0" eb="2">
      <t>ケンコウ</t>
    </rPh>
    <rPh sb="2" eb="5">
      <t>フクシキョク</t>
    </rPh>
    <rPh sb="5" eb="9">
      <t>コウレイケンコウ</t>
    </rPh>
    <rPh sb="9" eb="12">
      <t>フクシカ</t>
    </rPh>
    <phoneticPr fontId="1"/>
  </si>
  <si>
    <t>224-0063</t>
    <phoneticPr fontId="1"/>
  </si>
  <si>
    <t>横浜市都筑区長坂１５番地 （葛が谷公園内）</t>
    <phoneticPr fontId="1"/>
  </si>
  <si>
    <t>045-671-2406（健康福祉局高齢健康福祉課に連絡）</t>
    <phoneticPr fontId="1"/>
  </si>
  <si>
    <t>257-0015</t>
  </si>
  <si>
    <t>0463-84-3333</t>
  </si>
  <si>
    <t>観光振興課</t>
    <rPh sb="0" eb="5">
      <t>カンコウシンコウカ</t>
    </rPh>
    <phoneticPr fontId="1"/>
  </si>
  <si>
    <t>渋沢丘陵・震生湖コース</t>
  </si>
  <si>
    <t>0463-82-9648</t>
  </si>
  <si>
    <t>弘法山公園・吾妻山コース</t>
  </si>
  <si>
    <t>善波峠・高取山・田原ふるさと公園コース</t>
  </si>
  <si>
    <t>表丹沢県民の森・県立秦野戸川公園コース</t>
  </si>
  <si>
    <t>頭高山コース</t>
  </si>
  <si>
    <t>水無川ハイキングコース</t>
  </si>
  <si>
    <t>こども育成課</t>
    <rPh sb="3" eb="6">
      <t>イクセイカ</t>
    </rPh>
    <phoneticPr fontId="1"/>
  </si>
  <si>
    <t>秦野市表丹沢野外活動センター</t>
    <rPh sb="0" eb="3">
      <t>ハダノシ</t>
    </rPh>
    <rPh sb="3" eb="10">
      <t>オモテタンザワヤガイカツドウ</t>
    </rPh>
    <phoneticPr fontId="1"/>
  </si>
  <si>
    <t>259-1302</t>
  </si>
  <si>
    <t>秦野市菩提2046-5</t>
    <rPh sb="0" eb="5">
      <t>ハダノシボダイ</t>
    </rPh>
    <phoneticPr fontId="1"/>
  </si>
  <si>
    <t>0463-75-0725</t>
  </si>
  <si>
    <t>宿泊棟、活動棟</t>
    <rPh sb="0" eb="2">
      <t>シュクハク</t>
    </rPh>
    <rPh sb="2" eb="3">
      <t>トウ</t>
    </rPh>
    <rPh sb="4" eb="6">
      <t>カツドウ</t>
    </rPh>
    <rPh sb="6" eb="7">
      <t>トウ</t>
    </rPh>
    <phoneticPr fontId="1"/>
  </si>
  <si>
    <t>テントサイト</t>
  </si>
  <si>
    <t>第１会議室、第２会議室、第３会議室</t>
    <rPh sb="0" eb="1">
      <t>ダイ</t>
    </rPh>
    <rPh sb="2" eb="5">
      <t>カイギシツ</t>
    </rPh>
    <rPh sb="6" eb="7">
      <t>ダイ</t>
    </rPh>
    <rPh sb="8" eb="11">
      <t>カイギシツ</t>
    </rPh>
    <rPh sb="12" eb="13">
      <t>ダイ</t>
    </rPh>
    <rPh sb="14" eb="17">
      <t>カイギシツ</t>
    </rPh>
    <phoneticPr fontId="1"/>
  </si>
  <si>
    <t>シャワールーム</t>
  </si>
  <si>
    <t>約7.５ｋｍ</t>
    <rPh sb="0" eb="1">
      <t>ヤク</t>
    </rPh>
    <phoneticPr fontId="1"/>
  </si>
  <si>
    <t>約7.4ｋｍ</t>
    <rPh sb="0" eb="1">
      <t>ヤク</t>
    </rPh>
    <phoneticPr fontId="1"/>
  </si>
  <si>
    <t>約8.６ｋｍ</t>
    <rPh sb="0" eb="1">
      <t>ヤク</t>
    </rPh>
    <phoneticPr fontId="1"/>
  </si>
  <si>
    <t>約9.８ｋｍ</t>
    <rPh sb="0" eb="1">
      <t>ヤク</t>
    </rPh>
    <phoneticPr fontId="1"/>
  </si>
  <si>
    <t>約7.６ｋｍ</t>
    <rPh sb="0" eb="1">
      <t>ヤク</t>
    </rPh>
    <phoneticPr fontId="1"/>
  </si>
  <si>
    <t>140人収容（研修棟・活動棟）</t>
    <rPh sb="3" eb="6">
      <t>ニンシュウヨウ</t>
    </rPh>
    <rPh sb="7" eb="10">
      <t>ケンシュウトウ</t>
    </rPh>
    <rPh sb="11" eb="14">
      <t>カツドウトウ</t>
    </rPh>
    <phoneticPr fontId="1"/>
  </si>
  <si>
    <t>無</t>
    <rPh sb="0" eb="1">
      <t>ナシ</t>
    </rPh>
    <phoneticPr fontId="1"/>
  </si>
  <si>
    <t>100人収容（テント20張）、炊事棟、トイレ・シャワー棟</t>
    <rPh sb="3" eb="4">
      <t>ニン</t>
    </rPh>
    <rPh sb="4" eb="6">
      <t>シュウヨウ</t>
    </rPh>
    <rPh sb="12" eb="13">
      <t>ハ</t>
    </rPh>
    <rPh sb="15" eb="17">
      <t>スイジ</t>
    </rPh>
    <rPh sb="17" eb="18">
      <t>トウ</t>
    </rPh>
    <rPh sb="27" eb="28">
      <t>トウ</t>
    </rPh>
    <phoneticPr fontId="1"/>
  </si>
  <si>
    <t>伊勢原市</t>
    <rPh sb="0" eb="4">
      <t>イセハラシ</t>
    </rPh>
    <phoneticPr fontId="1"/>
  </si>
  <si>
    <t>商工観光課</t>
    <rPh sb="0" eb="2">
      <t>ショウコウ</t>
    </rPh>
    <rPh sb="2" eb="5">
      <t>カンコウカ</t>
    </rPh>
    <phoneticPr fontId="1"/>
  </si>
  <si>
    <t>0463-94-4729</t>
    <phoneticPr fontId="1"/>
  </si>
  <si>
    <t>無</t>
  </si>
  <si>
    <t>大山山頂周遊コース</t>
    <phoneticPr fontId="1"/>
  </si>
  <si>
    <t>大山桜周遊コース</t>
    <phoneticPr fontId="1"/>
  </si>
  <si>
    <t>大山･日向コース</t>
    <phoneticPr fontId="1"/>
  </si>
  <si>
    <t>日向周遊コース</t>
    <phoneticPr fontId="1"/>
  </si>
  <si>
    <t>聖峰・善波コース</t>
    <phoneticPr fontId="1"/>
  </si>
  <si>
    <t>250-0522</t>
  </si>
  <si>
    <t>箱根町元箱根164-1</t>
  </si>
  <si>
    <t>0460-86-3300</t>
  </si>
  <si>
    <t>机・イス</t>
    <rPh sb="0" eb="1">
      <t>ツクエ</t>
    </rPh>
    <phoneticPr fontId="1"/>
  </si>
  <si>
    <t>シャワー</t>
  </si>
  <si>
    <t>シャワー室</t>
    <rPh sb="4" eb="5">
      <t>シツ</t>
    </rPh>
    <phoneticPr fontId="1"/>
  </si>
  <si>
    <t>幼児室</t>
    <rPh sb="0" eb="2">
      <t>ヨウジ</t>
    </rPh>
    <rPh sb="2" eb="3">
      <t>シツ</t>
    </rPh>
    <phoneticPr fontId="1"/>
  </si>
  <si>
    <t>真鶴町</t>
    <rPh sb="0" eb="3">
      <t>マナヅルマチ</t>
    </rPh>
    <phoneticPr fontId="1"/>
  </si>
  <si>
    <t>岩海水浴場</t>
    <rPh sb="0" eb="1">
      <t>イワ</t>
    </rPh>
    <rPh sb="1" eb="5">
      <t>カイスイヨクジョウ</t>
    </rPh>
    <phoneticPr fontId="1"/>
  </si>
  <si>
    <t>259-0202</t>
    <phoneticPr fontId="1"/>
  </si>
  <si>
    <t>真鶴町岩957-1</t>
    <rPh sb="0" eb="3">
      <t>マナヅルマチ</t>
    </rPh>
    <rPh sb="3" eb="4">
      <t>イワ</t>
    </rPh>
    <phoneticPr fontId="1"/>
  </si>
  <si>
    <t>0465-68-1131</t>
    <phoneticPr fontId="1"/>
  </si>
  <si>
    <t>遊泳区域(間口100m、奥行60m</t>
    <rPh sb="0" eb="4">
      <t>ユウエイクイキ</t>
    </rPh>
    <rPh sb="5" eb="6">
      <t>アイダ</t>
    </rPh>
    <rPh sb="6" eb="7">
      <t>クチ</t>
    </rPh>
    <rPh sb="12" eb="14">
      <t>オクユキ</t>
    </rPh>
    <phoneticPr fontId="1"/>
  </si>
  <si>
    <t>真鶴町立体育館</t>
    <rPh sb="0" eb="7">
      <t>マナヅルチョウリツタイイクカン</t>
    </rPh>
    <phoneticPr fontId="1"/>
  </si>
  <si>
    <t>259-0201</t>
    <phoneticPr fontId="1"/>
  </si>
  <si>
    <t>真鶴町真鶴1855-1</t>
    <rPh sb="0" eb="3">
      <t>マナヅルマチ</t>
    </rPh>
    <rPh sb="3" eb="5">
      <t>マナヅル</t>
    </rPh>
    <phoneticPr fontId="1"/>
  </si>
  <si>
    <t>0465-68-1144</t>
    <phoneticPr fontId="1"/>
  </si>
  <si>
    <t>52㎡</t>
    <phoneticPr fontId="1"/>
  </si>
  <si>
    <t>青少年課</t>
    <rPh sb="0" eb="3">
      <t>セイショウネン</t>
    </rPh>
    <rPh sb="3" eb="4">
      <t>カ</t>
    </rPh>
    <phoneticPr fontId="7"/>
  </si>
  <si>
    <t>少年の森</t>
  </si>
  <si>
    <t>252-0824</t>
  </si>
  <si>
    <t>藤沢市打戻2345</t>
  </si>
  <si>
    <t>0466-48-7234</t>
  </si>
  <si>
    <t>宿泊研修施設</t>
  </si>
  <si>
    <t>管理棟談話室にロッカーあり。</t>
  </si>
  <si>
    <t>無</t>
    <rPh sb="0" eb="1">
      <t>ム</t>
    </rPh>
    <phoneticPr fontId="1"/>
  </si>
  <si>
    <t>シャフルボードコート</t>
  </si>
  <si>
    <t>箱根町総合体育館「星槎レイクアリーナ箱根」</t>
    <rPh sb="9" eb="11">
      <t>セイサ</t>
    </rPh>
    <phoneticPr fontId="1"/>
  </si>
  <si>
    <t>記載例</t>
    <rPh sb="0" eb="2">
      <t>キサイ</t>
    </rPh>
    <rPh sb="2" eb="3">
      <t>レイ</t>
    </rPh>
    <phoneticPr fontId="1"/>
  </si>
  <si>
    <t>一周190ｍ</t>
    <rPh sb="0" eb="2">
      <t>イッシュウ</t>
    </rPh>
    <phoneticPr fontId="1"/>
  </si>
  <si>
    <t>車椅子競技での使用可否については、要相談（実績はなし）</t>
    <rPh sb="0" eb="1">
      <t>クルマ</t>
    </rPh>
    <rPh sb="1" eb="3">
      <t>イス</t>
    </rPh>
    <rPh sb="3" eb="5">
      <t>キョウギ</t>
    </rPh>
    <rPh sb="7" eb="11">
      <t>シヨウカヒ</t>
    </rPh>
    <rPh sb="17" eb="20">
      <t>ヨウソウダン</t>
    </rPh>
    <rPh sb="21" eb="23">
      <t>ジッセ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0_);[Red]\(#,##0.0\)"/>
    <numFmt numFmtId="177" formatCode="#,##0.0_ "/>
    <numFmt numFmtId="178" formatCode="#,##0_ "/>
    <numFmt numFmtId="179" formatCode="#,##0_);[Red]\(#,##0\)"/>
    <numFmt numFmtId="180" formatCode="#,##0.00_);[Red]\(#,##0.00\)"/>
  </numFmts>
  <fonts count="16">
    <font>
      <sz val="12"/>
      <color theme="1"/>
      <name val="ＭＳ 明朝"/>
      <family val="2"/>
      <charset val="128"/>
    </font>
    <font>
      <sz val="6"/>
      <name val="ＭＳ 明朝"/>
      <family val="2"/>
      <charset val="128"/>
    </font>
    <font>
      <sz val="12"/>
      <color theme="1"/>
      <name val="HG丸ｺﾞｼｯｸM-PRO"/>
      <family val="3"/>
      <charset val="128"/>
    </font>
    <font>
      <b/>
      <sz val="9"/>
      <color indexed="81"/>
      <name val="MS P ゴシック"/>
      <family val="3"/>
      <charset val="128"/>
    </font>
    <font>
      <sz val="12"/>
      <name val="HG丸ｺﾞｼｯｸM-PRO"/>
      <family val="3"/>
      <charset val="128"/>
    </font>
    <font>
      <sz val="12"/>
      <color theme="1"/>
      <name val="ＭＳ 明朝"/>
      <family val="1"/>
      <charset val="128"/>
    </font>
    <font>
      <sz val="6"/>
      <name val="ＭＳ 明朝"/>
      <family val="1"/>
      <charset val="128"/>
    </font>
    <font>
      <sz val="12"/>
      <color theme="1"/>
      <name val="ＭＳ 明朝"/>
      <family val="2"/>
      <charset val="128"/>
    </font>
    <font>
      <sz val="6"/>
      <name val="ＭＳ Ｐゴシック"/>
      <family val="2"/>
      <charset val="128"/>
    </font>
    <font>
      <sz val="12"/>
      <name val="ＭＳ Ｐ明朝"/>
      <family val="1"/>
      <charset val="128"/>
    </font>
    <font>
      <sz val="6"/>
      <name val="ＭＳ Ｐゴシック"/>
      <family val="3"/>
      <charset val="128"/>
    </font>
    <font>
      <sz val="11"/>
      <color rgb="FF006100"/>
      <name val="游ゴシック"/>
      <family val="2"/>
      <charset val="128"/>
      <scheme val="minor"/>
    </font>
    <font>
      <sz val="18"/>
      <color theme="3"/>
      <name val="游ゴシック Light"/>
      <family val="2"/>
      <charset val="128"/>
      <scheme val="major"/>
    </font>
    <font>
      <sz val="11"/>
      <color rgb="FF9C6500"/>
      <name val="ＭＳ Ｐゴシック"/>
      <family val="2"/>
      <charset val="128"/>
    </font>
    <font>
      <u/>
      <sz val="12"/>
      <color theme="10"/>
      <name val="ＭＳ 明朝"/>
      <family val="2"/>
      <charset val="128"/>
    </font>
    <font>
      <sz val="9"/>
      <name val="ＭＳ Ｐゴシック"/>
      <family val="3"/>
      <charset val="128"/>
    </font>
  </fonts>
  <fills count="4">
    <fill>
      <patternFill patternType="none"/>
    </fill>
    <fill>
      <patternFill patternType="gray125"/>
    </fill>
    <fill>
      <patternFill patternType="solid">
        <fgColor theme="4" tint="0.79998168889431442"/>
        <bgColor indexed="64"/>
      </patternFill>
    </fill>
    <fill>
      <patternFill patternType="solid">
        <fgColor theme="0"/>
        <bgColor indexed="64"/>
      </patternFill>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diagonal/>
    </border>
  </borders>
  <cellStyleXfs count="6">
    <xf numFmtId="0" fontId="0" fillId="0" borderId="0">
      <alignment vertical="center"/>
    </xf>
    <xf numFmtId="0" fontId="5" fillId="0" borderId="0">
      <alignment vertical="center"/>
    </xf>
    <xf numFmtId="38" fontId="7" fillId="0" borderId="0" applyFont="0" applyFill="0" applyBorder="0" applyAlignment="0" applyProtection="0">
      <alignment vertical="center"/>
    </xf>
    <xf numFmtId="0" fontId="9" fillId="0" borderId="0">
      <alignment vertical="top" wrapText="1"/>
    </xf>
    <xf numFmtId="0" fontId="9" fillId="0" borderId="0">
      <alignment vertical="top" wrapText="1"/>
    </xf>
    <xf numFmtId="0" fontId="14" fillId="0" borderId="0" applyNumberFormat="0" applyFill="0" applyBorder="0" applyAlignment="0" applyProtection="0">
      <alignment vertical="center"/>
    </xf>
  </cellStyleXfs>
  <cellXfs count="122">
    <xf numFmtId="0" fontId="0" fillId="0" borderId="0" xfId="0">
      <alignment vertical="center"/>
    </xf>
    <xf numFmtId="0" fontId="2" fillId="0" borderId="0" xfId="0" applyFont="1">
      <alignment vertical="center"/>
    </xf>
    <xf numFmtId="0" fontId="2" fillId="0" borderId="1" xfId="0" applyFont="1" applyBorder="1" applyAlignment="1">
      <alignment horizontal="center" vertical="center"/>
    </xf>
    <xf numFmtId="0" fontId="4" fillId="0" borderId="3" xfId="0" applyFont="1" applyBorder="1">
      <alignment vertical="center"/>
    </xf>
    <xf numFmtId="0" fontId="2" fillId="0" borderId="1" xfId="0" applyFont="1" applyFill="1" applyBorder="1">
      <alignment vertical="center"/>
    </xf>
    <xf numFmtId="0" fontId="2" fillId="0" borderId="1" xfId="0" applyFont="1" applyFill="1" applyBorder="1" applyAlignment="1">
      <alignment vertical="center" wrapText="1"/>
    </xf>
    <xf numFmtId="0" fontId="2" fillId="0" borderId="1" xfId="0" applyFont="1" applyFill="1" applyBorder="1" applyAlignment="1">
      <alignment horizontal="center" vertical="center"/>
    </xf>
    <xf numFmtId="0" fontId="4" fillId="3" borderId="1" xfId="1" applyFont="1" applyFill="1" applyBorder="1" applyAlignment="1">
      <alignment horizontal="left" vertical="center" wrapText="1"/>
    </xf>
    <xf numFmtId="0" fontId="4" fillId="0" borderId="1" xfId="1" applyFont="1" applyFill="1" applyBorder="1" applyAlignment="1">
      <alignment horizontal="left" vertical="center" wrapText="1"/>
    </xf>
    <xf numFmtId="179" fontId="4" fillId="0" borderId="1" xfId="0" applyNumberFormat="1" applyFont="1" applyBorder="1">
      <alignment vertical="center"/>
    </xf>
    <xf numFmtId="0" fontId="4" fillId="0" borderId="1" xfId="0" applyFont="1" applyBorder="1" applyAlignment="1">
      <alignment vertical="center"/>
    </xf>
    <xf numFmtId="0" fontId="4" fillId="0" borderId="1" xfId="0" applyFont="1" applyFill="1" applyBorder="1" applyAlignment="1">
      <alignment horizontal="left" vertical="center" wrapText="1"/>
    </xf>
    <xf numFmtId="0" fontId="4" fillId="0" borderId="1" xfId="0" applyFont="1" applyFill="1" applyBorder="1" applyAlignment="1">
      <alignment horizontal="right" vertical="center" wrapText="1"/>
    </xf>
    <xf numFmtId="0" fontId="4" fillId="3" borderId="1" xfId="0" applyFont="1" applyFill="1" applyBorder="1" applyAlignment="1">
      <alignment vertical="center" wrapText="1"/>
    </xf>
    <xf numFmtId="0" fontId="4" fillId="0" borderId="1" xfId="0" applyFont="1" applyBorder="1" applyAlignment="1">
      <alignment horizontal="center" vertical="center" wrapText="1"/>
    </xf>
    <xf numFmtId="0" fontId="4" fillId="3" borderId="1" xfId="0" applyFont="1" applyFill="1" applyBorder="1" applyAlignment="1">
      <alignment horizontal="center" vertical="center" wrapText="1"/>
    </xf>
    <xf numFmtId="176" fontId="4" fillId="0" borderId="1" xfId="0" applyNumberFormat="1" applyFont="1" applyBorder="1" applyAlignment="1">
      <alignment vertical="center" wrapText="1"/>
    </xf>
    <xf numFmtId="38" fontId="4" fillId="0" borderId="1" xfId="2" applyFont="1" applyBorder="1">
      <alignment vertical="center"/>
    </xf>
    <xf numFmtId="0" fontId="4" fillId="3" borderId="1" xfId="0" applyFont="1" applyFill="1" applyBorder="1" applyAlignment="1">
      <alignment horizontal="center" vertical="center"/>
    </xf>
    <xf numFmtId="176" fontId="4" fillId="0" borderId="1" xfId="0" applyNumberFormat="1" applyFont="1" applyBorder="1" applyAlignment="1">
      <alignment horizontal="right" vertical="center" wrapText="1"/>
    </xf>
    <xf numFmtId="179" fontId="4" fillId="0" borderId="1" xfId="0" applyNumberFormat="1" applyFont="1" applyFill="1" applyBorder="1">
      <alignment vertical="center"/>
    </xf>
    <xf numFmtId="0" fontId="4" fillId="0" borderId="0" xfId="0" applyFont="1">
      <alignment vertical="center"/>
    </xf>
    <xf numFmtId="0" fontId="4" fillId="0" borderId="0" xfId="0" applyFont="1" applyAlignment="1">
      <alignment vertical="center" wrapText="1"/>
    </xf>
    <xf numFmtId="176" fontId="4" fillId="0" borderId="0" xfId="0" applyNumberFormat="1" applyFont="1" applyAlignment="1">
      <alignment vertical="center" wrapText="1"/>
    </xf>
    <xf numFmtId="0" fontId="4" fillId="0" borderId="0" xfId="0" applyFont="1" applyAlignment="1">
      <alignment horizontal="center" vertical="center"/>
    </xf>
    <xf numFmtId="179" fontId="4" fillId="0" borderId="0" xfId="0" applyNumberFormat="1" applyFont="1">
      <alignment vertical="center"/>
    </xf>
    <xf numFmtId="0" fontId="4" fillId="2" borderId="5" xfId="0" applyFont="1" applyFill="1" applyBorder="1" applyAlignment="1">
      <alignment horizontal="centerContinuous" vertical="center"/>
    </xf>
    <xf numFmtId="0" fontId="4" fillId="2" borderId="6" xfId="0" applyFont="1" applyFill="1" applyBorder="1" applyAlignment="1">
      <alignment horizontal="centerContinuous" vertical="center" wrapText="1"/>
    </xf>
    <xf numFmtId="0" fontId="4" fillId="2" borderId="2" xfId="0" applyFont="1" applyFill="1" applyBorder="1" applyAlignment="1">
      <alignment horizontal="center" vertical="center" wrapText="1"/>
    </xf>
    <xf numFmtId="0" fontId="4" fillId="2" borderId="2" xfId="0" applyFont="1" applyFill="1" applyBorder="1" applyAlignment="1">
      <alignment horizontal="center" vertical="center"/>
    </xf>
    <xf numFmtId="0" fontId="4" fillId="2" borderId="10" xfId="0" applyFont="1" applyFill="1" applyBorder="1" applyAlignment="1">
      <alignment horizontal="center" vertical="center" wrapText="1"/>
    </xf>
    <xf numFmtId="176" fontId="4" fillId="2" borderId="2" xfId="0" applyNumberFormat="1" applyFont="1" applyFill="1" applyBorder="1" applyAlignment="1">
      <alignment horizontal="center" vertical="center" wrapText="1"/>
    </xf>
    <xf numFmtId="0" fontId="4" fillId="2" borderId="8" xfId="0" applyFont="1" applyFill="1" applyBorder="1" applyAlignment="1">
      <alignment horizontal="center" vertical="center"/>
    </xf>
    <xf numFmtId="0" fontId="4" fillId="2" borderId="12" xfId="0" applyFont="1" applyFill="1" applyBorder="1" applyAlignment="1">
      <alignment horizontal="center" vertical="center"/>
    </xf>
    <xf numFmtId="0" fontId="4" fillId="2" borderId="4" xfId="0" applyFont="1" applyFill="1" applyBorder="1" applyAlignment="1">
      <alignment horizontal="centerContinuous" vertical="center"/>
    </xf>
    <xf numFmtId="0" fontId="4" fillId="2" borderId="1" xfId="0" applyFont="1" applyFill="1" applyBorder="1" applyAlignment="1">
      <alignment vertical="center"/>
    </xf>
    <xf numFmtId="179" fontId="4" fillId="2" borderId="1" xfId="0" applyNumberFormat="1" applyFont="1" applyFill="1" applyBorder="1" applyAlignment="1">
      <alignment horizontal="center" vertical="center" wrapText="1"/>
    </xf>
    <xf numFmtId="0" fontId="4" fillId="2" borderId="3" xfId="0" applyFont="1" applyFill="1" applyBorder="1" applyAlignment="1">
      <alignment horizontal="center" vertical="center"/>
    </xf>
    <xf numFmtId="0" fontId="4" fillId="2" borderId="7" xfId="0" applyFont="1" applyFill="1" applyBorder="1" applyAlignment="1">
      <alignment horizontal="center" vertical="center" wrapText="1"/>
    </xf>
    <xf numFmtId="0" fontId="4" fillId="2" borderId="3" xfId="0" applyFont="1" applyFill="1" applyBorder="1" applyAlignment="1">
      <alignment horizontal="center" vertical="center" wrapText="1"/>
    </xf>
    <xf numFmtId="0" fontId="4" fillId="2" borderId="11" xfId="0" applyFont="1" applyFill="1" applyBorder="1" applyAlignment="1">
      <alignment vertical="center" wrapText="1"/>
    </xf>
    <xf numFmtId="176" fontId="4" fillId="2" borderId="3" xfId="0" applyNumberFormat="1" applyFont="1" applyFill="1" applyBorder="1" applyAlignment="1">
      <alignment horizontal="center" vertical="center" wrapText="1"/>
    </xf>
    <xf numFmtId="0" fontId="4" fillId="2" borderId="3" xfId="0" applyFont="1" applyFill="1" applyBorder="1" applyAlignment="1">
      <alignment vertical="center"/>
    </xf>
    <xf numFmtId="0" fontId="4" fillId="2" borderId="9" xfId="0" applyFont="1" applyFill="1" applyBorder="1" applyAlignment="1">
      <alignment vertical="center"/>
    </xf>
    <xf numFmtId="0" fontId="4" fillId="2" borderId="7" xfId="0" applyFont="1" applyFill="1" applyBorder="1" applyAlignment="1">
      <alignment vertical="center"/>
    </xf>
    <xf numFmtId="0" fontId="4" fillId="2" borderId="9" xfId="0" applyFont="1" applyFill="1" applyBorder="1" applyAlignment="1">
      <alignment horizontal="center" vertical="center"/>
    </xf>
    <xf numFmtId="179" fontId="4" fillId="2" borderId="1" xfId="0" applyNumberFormat="1" applyFont="1" applyFill="1" applyBorder="1" applyAlignment="1">
      <alignment horizontal="center" vertical="center"/>
    </xf>
    <xf numFmtId="0" fontId="4" fillId="0" borderId="0" xfId="0" applyFont="1" applyFill="1">
      <alignment vertical="center"/>
    </xf>
    <xf numFmtId="177" fontId="4" fillId="0" borderId="1" xfId="0" applyNumberFormat="1" applyFont="1" applyFill="1" applyBorder="1" applyAlignment="1">
      <alignment vertical="center" wrapText="1"/>
    </xf>
    <xf numFmtId="178" fontId="4" fillId="0" borderId="1" xfId="0" applyNumberFormat="1" applyFont="1" applyFill="1" applyBorder="1" applyAlignment="1">
      <alignment vertical="center" wrapText="1"/>
    </xf>
    <xf numFmtId="0" fontId="4" fillId="0" borderId="1" xfId="0" applyFont="1" applyBorder="1" applyAlignment="1">
      <alignment vertical="center" shrinkToFit="1"/>
    </xf>
    <xf numFmtId="0" fontId="4" fillId="0" borderId="1" xfId="0" applyFont="1" applyBorder="1" applyAlignment="1">
      <alignment horizontal="right" vertical="center"/>
    </xf>
    <xf numFmtId="0" fontId="4" fillId="0" borderId="1" xfId="0" applyFont="1" applyBorder="1" applyAlignment="1">
      <alignment vertical="center" wrapText="1" shrinkToFit="1"/>
    </xf>
    <xf numFmtId="0" fontId="2" fillId="0" borderId="1" xfId="0" applyFont="1" applyFill="1" applyBorder="1" applyAlignment="1">
      <alignment vertical="center"/>
    </xf>
    <xf numFmtId="176" fontId="2" fillId="0" borderId="1" xfId="0" applyNumberFormat="1" applyFont="1" applyBorder="1" applyAlignment="1">
      <alignment vertical="center" wrapText="1"/>
    </xf>
    <xf numFmtId="176" fontId="4" fillId="0" borderId="1" xfId="0" applyNumberFormat="1" applyFont="1" applyBorder="1" applyAlignment="1">
      <alignment horizontal="center" vertical="center" wrapText="1"/>
    </xf>
    <xf numFmtId="180" fontId="2" fillId="0" borderId="1" xfId="0" applyNumberFormat="1" applyFont="1" applyBorder="1">
      <alignment vertical="center"/>
    </xf>
    <xf numFmtId="0" fontId="2" fillId="0" borderId="1" xfId="0" applyFont="1" applyBorder="1" applyAlignment="1">
      <alignment vertical="center" shrinkToFit="1"/>
    </xf>
    <xf numFmtId="0" fontId="4" fillId="0" borderId="1" xfId="0" applyFont="1" applyBorder="1" applyAlignment="1">
      <alignment horizontal="center" vertical="center" shrinkToFit="1"/>
    </xf>
    <xf numFmtId="176" fontId="2" fillId="0" borderId="1" xfId="0" applyNumberFormat="1" applyFont="1" applyBorder="1" applyAlignment="1">
      <alignment vertical="center" shrinkToFit="1"/>
    </xf>
    <xf numFmtId="176" fontId="4" fillId="0" borderId="1" xfId="0" applyNumberFormat="1" applyFont="1" applyBorder="1" applyAlignment="1">
      <alignment vertical="center" shrinkToFit="1"/>
    </xf>
    <xf numFmtId="0" fontId="2" fillId="0" borderId="1" xfId="0" applyFont="1" applyBorder="1" applyAlignment="1">
      <alignment vertical="center" wrapText="1" shrinkToFit="1"/>
    </xf>
    <xf numFmtId="0" fontId="2" fillId="3" borderId="1" xfId="0" applyFont="1" applyFill="1" applyBorder="1" applyAlignment="1">
      <alignment vertical="center" shrinkToFit="1"/>
    </xf>
    <xf numFmtId="0" fontId="4" fillId="3" borderId="1" xfId="0" applyFont="1" applyFill="1" applyBorder="1" applyAlignment="1">
      <alignment vertical="center" shrinkToFit="1"/>
    </xf>
    <xf numFmtId="0" fontId="4" fillId="3" borderId="1" xfId="0" applyFont="1" applyFill="1" applyBorder="1" applyAlignment="1">
      <alignment horizontal="center" vertical="center" shrinkToFit="1"/>
    </xf>
    <xf numFmtId="176" fontId="2" fillId="3" borderId="1" xfId="0" applyNumberFormat="1" applyFont="1" applyFill="1" applyBorder="1" applyAlignment="1">
      <alignment vertical="center" shrinkToFit="1"/>
    </xf>
    <xf numFmtId="176" fontId="4" fillId="3" borderId="1" xfId="0" applyNumberFormat="1" applyFont="1" applyFill="1" applyBorder="1" applyAlignment="1">
      <alignment vertical="center" shrinkToFit="1"/>
    </xf>
    <xf numFmtId="0" fontId="2" fillId="3" borderId="1" xfId="0" applyFont="1" applyFill="1" applyBorder="1">
      <alignment vertical="center"/>
    </xf>
    <xf numFmtId="0" fontId="2" fillId="3" borderId="1" xfId="0" applyFont="1" applyFill="1" applyBorder="1" applyAlignment="1">
      <alignment vertical="center" wrapText="1"/>
    </xf>
    <xf numFmtId="0" fontId="2" fillId="3" borderId="1" xfId="0" applyFont="1" applyFill="1" applyBorder="1" applyAlignment="1">
      <alignment horizontal="center" vertical="center"/>
    </xf>
    <xf numFmtId="176" fontId="2" fillId="3" borderId="1" xfId="0" applyNumberFormat="1" applyFont="1" applyFill="1" applyBorder="1">
      <alignment vertical="center"/>
    </xf>
    <xf numFmtId="0" fontId="2" fillId="0" borderId="1" xfId="0" applyFont="1" applyBorder="1" applyAlignment="1">
      <alignment vertical="center"/>
    </xf>
    <xf numFmtId="0" fontId="2" fillId="3" borderId="1" xfId="0" applyFont="1" applyFill="1" applyBorder="1" applyAlignment="1">
      <alignment vertical="center" wrapText="1" shrinkToFit="1"/>
    </xf>
    <xf numFmtId="0" fontId="4" fillId="3" borderId="1" xfId="0" applyFont="1" applyFill="1" applyBorder="1" applyAlignment="1">
      <alignment vertical="center" wrapText="1" shrinkToFit="1"/>
    </xf>
    <xf numFmtId="0" fontId="2" fillId="0" borderId="1" xfId="0" applyFont="1" applyBorder="1" applyAlignment="1">
      <alignment horizontal="center" vertical="center" wrapText="1"/>
    </xf>
    <xf numFmtId="0" fontId="4" fillId="0" borderId="1" xfId="0" applyFont="1" applyBorder="1" applyAlignment="1">
      <alignment horizontal="left" vertical="center" wrapText="1"/>
    </xf>
    <xf numFmtId="0" fontId="2" fillId="0" borderId="1" xfId="0" applyFont="1" applyBorder="1" applyAlignment="1">
      <alignment horizontal="left" vertical="center" wrapText="1"/>
    </xf>
    <xf numFmtId="49" fontId="2" fillId="0" borderId="1" xfId="0" applyNumberFormat="1" applyFont="1" applyBorder="1">
      <alignment vertical="center"/>
    </xf>
    <xf numFmtId="49" fontId="2" fillId="0" borderId="1" xfId="0" applyNumberFormat="1" applyFont="1" applyBorder="1" applyAlignment="1">
      <alignment vertical="center" wrapText="1" shrinkToFit="1"/>
    </xf>
    <xf numFmtId="49" fontId="2" fillId="0" borderId="1" xfId="0" applyNumberFormat="1" applyFont="1" applyBorder="1" applyAlignment="1">
      <alignment vertical="center" wrapText="1"/>
    </xf>
    <xf numFmtId="0" fontId="4" fillId="0" borderId="1" xfId="3" applyFont="1" applyFill="1" applyBorder="1" applyAlignment="1">
      <alignment horizontal="left" vertical="center" wrapText="1"/>
    </xf>
    <xf numFmtId="0" fontId="2" fillId="0" borderId="1" xfId="0" applyFont="1" applyFill="1" applyBorder="1" applyAlignment="1">
      <alignment horizontal="left" vertical="center"/>
    </xf>
    <xf numFmtId="0" fontId="2" fillId="0" borderId="1" xfId="0" applyFont="1" applyFill="1" applyBorder="1" applyAlignment="1">
      <alignment horizontal="left" vertical="center" wrapText="1"/>
    </xf>
    <xf numFmtId="176" fontId="2" fillId="0" borderId="1" xfId="0" applyNumberFormat="1" applyFont="1" applyFill="1" applyBorder="1" applyAlignment="1">
      <alignment horizontal="left" vertical="center" wrapText="1"/>
    </xf>
    <xf numFmtId="0" fontId="2" fillId="0" borderId="1" xfId="0" applyFont="1" applyBorder="1" applyAlignment="1">
      <alignment horizontal="center" vertical="center" shrinkToFit="1"/>
    </xf>
    <xf numFmtId="176" fontId="2" fillId="0" borderId="1" xfId="0" applyNumberFormat="1" applyFont="1" applyFill="1" applyBorder="1">
      <alignment vertical="center"/>
    </xf>
    <xf numFmtId="0" fontId="2" fillId="3" borderId="1" xfId="0" applyFont="1" applyFill="1" applyBorder="1" applyAlignment="1">
      <alignment horizontal="center" vertical="center" shrinkToFit="1"/>
    </xf>
    <xf numFmtId="176" fontId="2" fillId="3" borderId="1" xfId="0" applyNumberFormat="1" applyFont="1" applyFill="1" applyBorder="1" applyAlignment="1">
      <alignment horizontal="center" vertical="center" shrinkToFit="1"/>
    </xf>
    <xf numFmtId="0" fontId="2" fillId="0" borderId="1" xfId="0" applyFont="1" applyFill="1" applyBorder="1" applyAlignment="1">
      <alignment horizontal="center" vertical="center" wrapText="1"/>
    </xf>
    <xf numFmtId="0" fontId="2" fillId="0" borderId="1" xfId="0" applyFont="1" applyFill="1" applyBorder="1" applyAlignment="1">
      <alignment horizontal="right" vertical="center" wrapText="1"/>
    </xf>
    <xf numFmtId="0" fontId="2" fillId="0" borderId="1" xfId="4" applyFont="1" applyFill="1" applyBorder="1" applyAlignment="1">
      <alignment horizontal="center" vertical="center" wrapText="1"/>
    </xf>
    <xf numFmtId="0" fontId="2" fillId="0" borderId="1" xfId="4" applyFont="1" applyFill="1" applyBorder="1" applyAlignment="1">
      <alignment horizontal="left" vertical="center" wrapText="1"/>
    </xf>
    <xf numFmtId="0" fontId="2" fillId="0" borderId="1" xfId="4" applyFont="1" applyFill="1" applyBorder="1" applyAlignment="1">
      <alignment vertical="center" wrapText="1"/>
    </xf>
    <xf numFmtId="176" fontId="2" fillId="0" borderId="1" xfId="0" applyNumberFormat="1" applyFont="1" applyBorder="1">
      <alignment vertical="center"/>
    </xf>
    <xf numFmtId="178" fontId="4" fillId="0" borderId="1" xfId="0" applyNumberFormat="1" applyFont="1" applyBorder="1">
      <alignment vertical="center"/>
    </xf>
    <xf numFmtId="0" fontId="2" fillId="0" borderId="1" xfId="0" applyFont="1" applyBorder="1">
      <alignment vertical="center"/>
    </xf>
    <xf numFmtId="0" fontId="4" fillId="0" borderId="1" xfId="0" applyFont="1" applyBorder="1" applyAlignment="1">
      <alignment horizontal="center" vertical="center"/>
    </xf>
    <xf numFmtId="0" fontId="4" fillId="0" borderId="1" xfId="0" applyFont="1" applyFill="1" applyBorder="1" applyAlignment="1">
      <alignment vertical="center" wrapText="1" shrinkToFit="1"/>
    </xf>
    <xf numFmtId="0" fontId="4" fillId="0" borderId="1" xfId="0" applyFont="1" applyFill="1" applyBorder="1" applyAlignment="1">
      <alignment vertical="center" shrinkToFit="1"/>
    </xf>
    <xf numFmtId="0" fontId="4" fillId="0" borderId="1" xfId="0" applyFont="1" applyBorder="1" applyAlignment="1">
      <alignment vertical="center" wrapText="1"/>
    </xf>
    <xf numFmtId="0" fontId="4" fillId="0" borderId="1" xfId="0" applyFont="1" applyFill="1" applyBorder="1">
      <alignment vertical="center"/>
    </xf>
    <xf numFmtId="0" fontId="4" fillId="0" borderId="1" xfId="0" applyFont="1" applyFill="1" applyBorder="1" applyAlignment="1">
      <alignment vertical="center" wrapText="1"/>
    </xf>
    <xf numFmtId="176" fontId="4" fillId="0" borderId="1" xfId="0" applyNumberFormat="1" applyFont="1" applyFill="1" applyBorder="1" applyAlignment="1">
      <alignment vertical="center" wrapText="1"/>
    </xf>
    <xf numFmtId="0" fontId="15" fillId="0" borderId="1" xfId="0" applyFont="1" applyBorder="1" applyAlignment="1">
      <alignment vertical="center" wrapText="1"/>
    </xf>
    <xf numFmtId="176" fontId="4" fillId="3" borderId="1" xfId="0" applyNumberFormat="1" applyFont="1" applyFill="1" applyBorder="1" applyAlignment="1">
      <alignment horizontal="center" vertical="center" shrinkToFit="1"/>
    </xf>
    <xf numFmtId="0" fontId="4" fillId="0" borderId="1" xfId="5" applyFont="1" applyFill="1" applyBorder="1" applyAlignment="1">
      <alignment vertical="center" wrapText="1"/>
    </xf>
    <xf numFmtId="0" fontId="4" fillId="0" borderId="1" xfId="0" applyFont="1" applyBorder="1" applyAlignment="1">
      <alignment horizontal="left" vertical="center"/>
    </xf>
    <xf numFmtId="0" fontId="2" fillId="0" borderId="1" xfId="0" applyFont="1" applyBorder="1" applyAlignment="1">
      <alignment vertical="center" wrapText="1"/>
    </xf>
    <xf numFmtId="0" fontId="4" fillId="0" borderId="1" xfId="0" applyFont="1" applyBorder="1">
      <alignment vertical="center"/>
    </xf>
    <xf numFmtId="0" fontId="4" fillId="0" borderId="1" xfId="0" applyFont="1" applyFill="1" applyBorder="1" applyAlignment="1">
      <alignment horizontal="center" vertical="center"/>
    </xf>
    <xf numFmtId="176" fontId="4" fillId="0" borderId="1" xfId="0" applyNumberFormat="1" applyFont="1" applyFill="1" applyBorder="1">
      <alignment vertical="center"/>
    </xf>
    <xf numFmtId="0" fontId="2" fillId="0" borderId="1" xfId="0" applyFont="1" applyFill="1" applyBorder="1" applyAlignment="1">
      <alignment vertical="center" shrinkToFit="1"/>
    </xf>
    <xf numFmtId="0" fontId="2" fillId="0" borderId="1" xfId="0" applyFont="1" applyFill="1" applyBorder="1" applyAlignment="1">
      <alignment vertical="center" wrapText="1" shrinkToFit="1"/>
    </xf>
    <xf numFmtId="0" fontId="2" fillId="0" borderId="1" xfId="0" applyFont="1" applyFill="1" applyBorder="1" applyAlignment="1">
      <alignment horizontal="center" vertical="center" shrinkToFit="1"/>
    </xf>
    <xf numFmtId="176" fontId="4" fillId="0" borderId="1" xfId="0" applyNumberFormat="1" applyFont="1" applyFill="1" applyBorder="1" applyAlignment="1">
      <alignment vertical="center" shrinkToFit="1"/>
    </xf>
    <xf numFmtId="0" fontId="4" fillId="0" borderId="1" xfId="0" applyFont="1" applyFill="1" applyBorder="1" applyAlignment="1">
      <alignment horizontal="center" vertical="center" shrinkToFit="1"/>
    </xf>
    <xf numFmtId="0" fontId="4" fillId="2" borderId="4" xfId="0" applyFont="1" applyFill="1" applyBorder="1" applyAlignment="1">
      <alignment horizontal="center" vertical="center" wrapText="1"/>
    </xf>
    <xf numFmtId="0" fontId="4" fillId="2" borderId="1" xfId="0" applyFont="1" applyFill="1" applyBorder="1" applyAlignment="1">
      <alignment horizontal="center" vertical="center"/>
    </xf>
    <xf numFmtId="0" fontId="4" fillId="0" borderId="1" xfId="0" applyFont="1" applyBorder="1" applyAlignment="1">
      <alignment vertical="center" wrapText="1"/>
    </xf>
    <xf numFmtId="0" fontId="4" fillId="0" borderId="1" xfId="0" applyFont="1" applyBorder="1" applyAlignment="1">
      <alignment horizontal="center" vertical="center"/>
    </xf>
    <xf numFmtId="0" fontId="4" fillId="0" borderId="1" xfId="0" applyFont="1" applyBorder="1">
      <alignment vertical="center"/>
    </xf>
    <xf numFmtId="176" fontId="4" fillId="0" borderId="1" xfId="0" applyNumberFormat="1" applyFont="1" applyBorder="1">
      <alignment vertical="center"/>
    </xf>
  </cellXfs>
  <cellStyles count="6">
    <cellStyle name="ハイパーリンク" xfId="5" builtinId="8"/>
    <cellStyle name="桁区切り" xfId="2" builtinId="6"/>
    <cellStyle name="標準" xfId="0" builtinId="0"/>
    <cellStyle name="標準 3" xfId="1"/>
    <cellStyle name="標準_H14年度ｽﾎﾟｰﾂ施設調査１" xfId="4"/>
    <cellStyle name="標準_市町村別調査" xfId="3"/>
  </cellStyles>
  <dxfs count="1">
    <dxf>
      <fill>
        <patternFill>
          <bgColor theme="6"/>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0802\group\02-&#26045;&#35373;&#65319;\22_&#20250;&#35696;&#12539;&#32113;&#35336;\12_&#20844;&#31435;&#12473;&#12509;&#12540;&#12484;&#26045;&#35373;&#35373;&#32622;&#29366;&#27841;&#35519;&#26619;\04_&#12392;&#12426;&#12414;&#12392;&#12417;\03_&#36215;&#26696;&#65288;&#20844;&#34920;&#29992;&#12487;&#12540;&#12479;&#65289;\01_H31&#12392;&#12398;&#31361;&#21512;&#20381;&#38972;&#65288;&#24066;&#30010;&#26449;&#65289;\01_&#24066;&#30010;&#26449;&#22238;&#31572;\15_&#20234;&#21218;&#21407;&#24066;\14_&#20844;&#34920;&#29992;&#12304;&#12381;&#12398;&#20182;&#26045;&#35373;&#12305;&#35519;&#26619;&#31080;&#12304;&#20234;&#21218;&#21407;&#24066;&#20877;&#25552;&#20986;&#12305;14.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group/02_&#26045;&#35373;G/22_&#20250;&#35696;&#12539;&#32113;&#35336;/12_&#20844;&#31435;&#12473;&#12509;&#12540;&#12484;&#26045;&#35373;&#35373;&#32622;&#29366;&#27841;&#35519;&#26619;/04_&#12392;&#12426;&#12414;&#12392;&#12417;/03_&#36215;&#26696;&#65288;&#20844;&#34920;&#29992;&#12487;&#12540;&#12479;&#65289;/02_&#36215;&#26696;/14_&#20844;&#34920;&#29992;&#12304;&#12381;&#12398;&#20182;&#26045;&#35373;&#12305;&#35519;&#26619;&#31080;14.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14"/>
      <sheetName val="リスト"/>
    </sheetNames>
    <sheetDataSet>
      <sheetData sheetId="0"/>
      <sheetData sheetId="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14"/>
      <sheetName val="記載例_調査票14"/>
      <sheetName val="リスト"/>
    </sheetNames>
    <sheetDataSet>
      <sheetData sheetId="0" refreshError="1"/>
      <sheetData sheetId="1" refreshError="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W258"/>
  <sheetViews>
    <sheetView tabSelected="1" view="pageBreakPreview" zoomScale="60" zoomScaleNormal="100" workbookViewId="0"/>
  </sheetViews>
  <sheetFormatPr defaultRowHeight="14.4"/>
  <cols>
    <col min="1" max="1" width="8.796875" style="21"/>
    <col min="2" max="2" width="9.59765625" style="21" bestFit="1" customWidth="1"/>
    <col min="3" max="4" width="22.59765625" style="22" bestFit="1" customWidth="1"/>
    <col min="5" max="5" width="13.3984375" style="21" bestFit="1" customWidth="1"/>
    <col min="6" max="6" width="23.09765625" style="22" bestFit="1" customWidth="1"/>
    <col min="7" max="7" width="19.296875" style="22" bestFit="1" customWidth="1"/>
    <col min="8" max="8" width="9.69921875" style="21" bestFit="1" customWidth="1"/>
    <col min="9" max="9" width="19.59765625" style="22" customWidth="1"/>
    <col min="10" max="10" width="25.3984375" style="22" customWidth="1"/>
    <col min="11" max="11" width="8.8984375" style="21" bestFit="1" customWidth="1"/>
    <col min="12" max="12" width="19.09765625" style="23" customWidth="1"/>
    <col min="13" max="13" width="25.296875" style="22" customWidth="1"/>
    <col min="14" max="14" width="9.69921875" style="21" bestFit="1" customWidth="1"/>
    <col min="15" max="15" width="11.69921875" style="24" bestFit="1" customWidth="1"/>
    <col min="16" max="18" width="9.59765625" style="24" bestFit="1" customWidth="1"/>
    <col min="19" max="19" width="13.8984375" style="24" bestFit="1" customWidth="1"/>
    <col min="20" max="20" width="11.69921875" style="24" bestFit="1" customWidth="1"/>
    <col min="21" max="21" width="18.296875" style="24" bestFit="1" customWidth="1"/>
    <col min="22" max="22" width="16.09765625" style="24" bestFit="1" customWidth="1"/>
    <col min="23" max="23" width="40.296875" style="21" customWidth="1"/>
    <col min="24" max="16384" width="8.796875" style="21"/>
  </cols>
  <sheetData>
    <row r="1" spans="1:23">
      <c r="A1" s="21" t="s">
        <v>78</v>
      </c>
    </row>
    <row r="2" spans="1:23" ht="28.8" customHeight="1">
      <c r="A2" s="29" t="s">
        <v>846</v>
      </c>
      <c r="B2" s="26" t="s">
        <v>4</v>
      </c>
      <c r="C2" s="27"/>
      <c r="D2" s="28" t="s">
        <v>0</v>
      </c>
      <c r="E2" s="29" t="s">
        <v>1</v>
      </c>
      <c r="F2" s="28" t="s">
        <v>2</v>
      </c>
      <c r="G2" s="28" t="s">
        <v>3</v>
      </c>
      <c r="H2" s="28" t="s">
        <v>16</v>
      </c>
      <c r="I2" s="28" t="s">
        <v>845</v>
      </c>
      <c r="J2" s="30" t="s">
        <v>17</v>
      </c>
      <c r="K2" s="29" t="s">
        <v>7</v>
      </c>
      <c r="L2" s="31" t="s">
        <v>10</v>
      </c>
      <c r="M2" s="30" t="s">
        <v>48</v>
      </c>
      <c r="N2" s="29" t="s">
        <v>8</v>
      </c>
      <c r="O2" s="32" t="s">
        <v>18</v>
      </c>
      <c r="P2" s="29" t="s">
        <v>70</v>
      </c>
      <c r="Q2" s="33" t="s">
        <v>71</v>
      </c>
      <c r="R2" s="28" t="s">
        <v>11</v>
      </c>
      <c r="S2" s="33" t="s">
        <v>9</v>
      </c>
      <c r="T2" s="26" t="s">
        <v>12</v>
      </c>
      <c r="U2" s="34"/>
      <c r="V2" s="116" t="s">
        <v>19</v>
      </c>
      <c r="W2" s="117" t="s">
        <v>15</v>
      </c>
    </row>
    <row r="3" spans="1:23">
      <c r="A3" s="37"/>
      <c r="B3" s="37" t="s">
        <v>5</v>
      </c>
      <c r="C3" s="38" t="s">
        <v>6</v>
      </c>
      <c r="D3" s="39"/>
      <c r="E3" s="37"/>
      <c r="F3" s="39"/>
      <c r="G3" s="39"/>
      <c r="H3" s="37"/>
      <c r="I3" s="39"/>
      <c r="J3" s="40"/>
      <c r="K3" s="37"/>
      <c r="L3" s="41"/>
      <c r="M3" s="40"/>
      <c r="N3" s="42"/>
      <c r="O3" s="43"/>
      <c r="P3" s="42"/>
      <c r="Q3" s="44"/>
      <c r="R3" s="37"/>
      <c r="S3" s="37"/>
      <c r="T3" s="45" t="s">
        <v>13</v>
      </c>
      <c r="U3" s="37" t="s">
        <v>14</v>
      </c>
      <c r="V3" s="35"/>
      <c r="W3" s="35"/>
    </row>
    <row r="4" spans="1:23" ht="129.6">
      <c r="A4" s="120">
        <v>1</v>
      </c>
      <c r="B4" s="120" t="s">
        <v>53</v>
      </c>
      <c r="C4" s="118" t="s">
        <v>91</v>
      </c>
      <c r="D4" s="118" t="s">
        <v>92</v>
      </c>
      <c r="E4" s="120" t="s">
        <v>93</v>
      </c>
      <c r="F4" s="118" t="s">
        <v>94</v>
      </c>
      <c r="G4" s="118" t="s">
        <v>95</v>
      </c>
      <c r="H4" s="120">
        <v>1998</v>
      </c>
      <c r="I4" s="118"/>
      <c r="J4" s="118" t="s">
        <v>47</v>
      </c>
      <c r="K4" s="120" t="s">
        <v>96</v>
      </c>
      <c r="L4" s="16" t="s">
        <v>96</v>
      </c>
      <c r="M4" s="118" t="s">
        <v>97</v>
      </c>
      <c r="N4" s="120" t="s">
        <v>882</v>
      </c>
      <c r="O4" s="119" t="s">
        <v>55</v>
      </c>
      <c r="P4" s="119" t="s">
        <v>56</v>
      </c>
      <c r="Q4" s="119" t="s">
        <v>56</v>
      </c>
      <c r="R4" s="119" t="s">
        <v>55</v>
      </c>
      <c r="S4" s="119" t="s">
        <v>55</v>
      </c>
      <c r="T4" s="119" t="s">
        <v>55</v>
      </c>
      <c r="U4" s="119" t="s">
        <v>55</v>
      </c>
      <c r="V4" s="119" t="s">
        <v>56</v>
      </c>
      <c r="W4" s="120"/>
    </row>
    <row r="5" spans="1:23" ht="43.2">
      <c r="A5" s="120">
        <v>2</v>
      </c>
      <c r="B5" s="120" t="s">
        <v>53</v>
      </c>
      <c r="C5" s="118" t="s">
        <v>54</v>
      </c>
      <c r="D5" s="118" t="s">
        <v>98</v>
      </c>
      <c r="E5" s="120" t="s">
        <v>99</v>
      </c>
      <c r="F5" s="118" t="s">
        <v>100</v>
      </c>
      <c r="G5" s="118" t="s">
        <v>101</v>
      </c>
      <c r="H5" s="120">
        <v>1982</v>
      </c>
      <c r="I5" s="118"/>
      <c r="J5" s="118" t="s">
        <v>47</v>
      </c>
      <c r="K5" s="120">
        <v>2</v>
      </c>
      <c r="L5" s="19" t="s">
        <v>102</v>
      </c>
      <c r="M5" s="118" t="s">
        <v>103</v>
      </c>
      <c r="N5" s="120" t="s">
        <v>882</v>
      </c>
      <c r="O5" s="119" t="s">
        <v>55</v>
      </c>
      <c r="P5" s="119" t="s">
        <v>55</v>
      </c>
      <c r="Q5" s="119" t="s">
        <v>55</v>
      </c>
      <c r="R5" s="119" t="s">
        <v>55</v>
      </c>
      <c r="S5" s="119" t="s">
        <v>56</v>
      </c>
      <c r="T5" s="119" t="s">
        <v>55</v>
      </c>
      <c r="U5" s="119" t="s">
        <v>56</v>
      </c>
      <c r="V5" s="119" t="s">
        <v>55</v>
      </c>
      <c r="W5" s="118" t="s">
        <v>104</v>
      </c>
    </row>
    <row r="6" spans="1:23" ht="86.4">
      <c r="A6" s="120">
        <v>3</v>
      </c>
      <c r="B6" s="120" t="s">
        <v>53</v>
      </c>
      <c r="C6" s="118" t="s">
        <v>54</v>
      </c>
      <c r="D6" s="118" t="s">
        <v>49</v>
      </c>
      <c r="E6" s="120" t="s">
        <v>50</v>
      </c>
      <c r="F6" s="118" t="s">
        <v>51</v>
      </c>
      <c r="G6" s="118" t="s">
        <v>52</v>
      </c>
      <c r="H6" s="120">
        <v>1963</v>
      </c>
      <c r="I6" s="118"/>
      <c r="J6" s="118" t="s">
        <v>34</v>
      </c>
      <c r="K6" s="120" t="s">
        <v>69</v>
      </c>
      <c r="L6" s="16" t="s">
        <v>69</v>
      </c>
      <c r="M6" s="118" t="s">
        <v>105</v>
      </c>
      <c r="N6" s="120" t="s">
        <v>882</v>
      </c>
      <c r="O6" s="119" t="s">
        <v>55</v>
      </c>
      <c r="P6" s="119" t="s">
        <v>55</v>
      </c>
      <c r="Q6" s="119" t="s">
        <v>55</v>
      </c>
      <c r="R6" s="119" t="s">
        <v>55</v>
      </c>
      <c r="S6" s="119" t="s">
        <v>55</v>
      </c>
      <c r="T6" s="119" t="s">
        <v>55</v>
      </c>
      <c r="U6" s="119" t="s">
        <v>55</v>
      </c>
      <c r="V6" s="119" t="s">
        <v>56</v>
      </c>
      <c r="W6" s="118" t="s">
        <v>106</v>
      </c>
    </row>
    <row r="7" spans="1:23" ht="43.2">
      <c r="A7" s="120">
        <v>4</v>
      </c>
      <c r="B7" s="120" t="s">
        <v>53</v>
      </c>
      <c r="C7" s="118" t="s">
        <v>54</v>
      </c>
      <c r="D7" s="118" t="s">
        <v>57</v>
      </c>
      <c r="E7" s="120" t="s">
        <v>58</v>
      </c>
      <c r="F7" s="118" t="s">
        <v>59</v>
      </c>
      <c r="G7" s="118" t="s">
        <v>60</v>
      </c>
      <c r="H7" s="120">
        <v>1997</v>
      </c>
      <c r="I7" s="118"/>
      <c r="J7" s="118" t="s">
        <v>76</v>
      </c>
      <c r="K7" s="120">
        <v>2</v>
      </c>
      <c r="L7" s="16" t="s">
        <v>69</v>
      </c>
      <c r="M7" s="118" t="s">
        <v>67</v>
      </c>
      <c r="N7" s="120" t="s">
        <v>882</v>
      </c>
      <c r="O7" s="119" t="s">
        <v>56</v>
      </c>
      <c r="P7" s="119" t="s">
        <v>55</v>
      </c>
      <c r="Q7" s="119" t="s">
        <v>55</v>
      </c>
      <c r="R7" s="119" t="s">
        <v>55</v>
      </c>
      <c r="S7" s="119" t="s">
        <v>56</v>
      </c>
      <c r="T7" s="119" t="s">
        <v>56</v>
      </c>
      <c r="U7" s="119" t="s">
        <v>56</v>
      </c>
      <c r="V7" s="119" t="s">
        <v>55</v>
      </c>
      <c r="W7" s="118" t="s">
        <v>72</v>
      </c>
    </row>
    <row r="8" spans="1:23" ht="43.2">
      <c r="A8" s="120">
        <v>5</v>
      </c>
      <c r="B8" s="120" t="s">
        <v>53</v>
      </c>
      <c r="C8" s="118" t="s">
        <v>54</v>
      </c>
      <c r="D8" s="118" t="s">
        <v>57</v>
      </c>
      <c r="E8" s="120" t="s">
        <v>58</v>
      </c>
      <c r="F8" s="118" t="s">
        <v>59</v>
      </c>
      <c r="G8" s="118" t="s">
        <v>60</v>
      </c>
      <c r="H8" s="120">
        <v>1997</v>
      </c>
      <c r="I8" s="118"/>
      <c r="J8" s="118" t="s">
        <v>76</v>
      </c>
      <c r="K8" s="120">
        <v>1</v>
      </c>
      <c r="L8" s="16" t="s">
        <v>69</v>
      </c>
      <c r="M8" s="118" t="s">
        <v>68</v>
      </c>
      <c r="N8" s="120" t="s">
        <v>882</v>
      </c>
      <c r="O8" s="119" t="s">
        <v>55</v>
      </c>
      <c r="P8" s="119" t="s">
        <v>55</v>
      </c>
      <c r="Q8" s="119" t="s">
        <v>55</v>
      </c>
      <c r="R8" s="119" t="s">
        <v>55</v>
      </c>
      <c r="S8" s="119" t="s">
        <v>56</v>
      </c>
      <c r="T8" s="119" t="s">
        <v>55</v>
      </c>
      <c r="U8" s="119" t="s">
        <v>56</v>
      </c>
      <c r="V8" s="119" t="s">
        <v>56</v>
      </c>
      <c r="W8" s="118"/>
    </row>
    <row r="9" spans="1:23" ht="28.8">
      <c r="A9" s="120">
        <v>6</v>
      </c>
      <c r="B9" s="120" t="s">
        <v>53</v>
      </c>
      <c r="C9" s="118" t="s">
        <v>54</v>
      </c>
      <c r="D9" s="118" t="s">
        <v>57</v>
      </c>
      <c r="E9" s="120" t="s">
        <v>58</v>
      </c>
      <c r="F9" s="118" t="s">
        <v>59</v>
      </c>
      <c r="G9" s="118" t="s">
        <v>60</v>
      </c>
      <c r="H9" s="120">
        <v>2020</v>
      </c>
      <c r="I9" s="118"/>
      <c r="J9" s="118" t="s">
        <v>76</v>
      </c>
      <c r="K9" s="120">
        <v>2</v>
      </c>
      <c r="L9" s="16" t="s">
        <v>69</v>
      </c>
      <c r="M9" s="118" t="s">
        <v>66</v>
      </c>
      <c r="N9" s="120" t="s">
        <v>882</v>
      </c>
      <c r="O9" s="119" t="s">
        <v>56</v>
      </c>
      <c r="P9" s="119" t="s">
        <v>55</v>
      </c>
      <c r="Q9" s="119" t="s">
        <v>55</v>
      </c>
      <c r="R9" s="119" t="s">
        <v>55</v>
      </c>
      <c r="S9" s="119" t="s">
        <v>56</v>
      </c>
      <c r="T9" s="119" t="s">
        <v>56</v>
      </c>
      <c r="U9" s="119" t="s">
        <v>56</v>
      </c>
      <c r="V9" s="119" t="s">
        <v>56</v>
      </c>
      <c r="W9" s="118"/>
    </row>
    <row r="10" spans="1:23" ht="28.8">
      <c r="A10" s="120">
        <v>7</v>
      </c>
      <c r="B10" s="120" t="s">
        <v>53</v>
      </c>
      <c r="C10" s="118" t="s">
        <v>54</v>
      </c>
      <c r="D10" s="118" t="s">
        <v>57</v>
      </c>
      <c r="E10" s="120" t="s">
        <v>58</v>
      </c>
      <c r="F10" s="118" t="s">
        <v>59</v>
      </c>
      <c r="G10" s="118" t="s">
        <v>60</v>
      </c>
      <c r="H10" s="120">
        <v>1997</v>
      </c>
      <c r="I10" s="118"/>
      <c r="J10" s="118" t="s">
        <v>76</v>
      </c>
      <c r="K10" s="120">
        <v>1</v>
      </c>
      <c r="L10" s="16" t="s">
        <v>69</v>
      </c>
      <c r="M10" s="118" t="s">
        <v>73</v>
      </c>
      <c r="N10" s="120" t="s">
        <v>882</v>
      </c>
      <c r="O10" s="119" t="s">
        <v>56</v>
      </c>
      <c r="P10" s="119" t="s">
        <v>55</v>
      </c>
      <c r="Q10" s="119" t="s">
        <v>55</v>
      </c>
      <c r="R10" s="119" t="s">
        <v>55</v>
      </c>
      <c r="S10" s="119" t="s">
        <v>56</v>
      </c>
      <c r="T10" s="119" t="s">
        <v>56</v>
      </c>
      <c r="U10" s="119" t="s">
        <v>56</v>
      </c>
      <c r="V10" s="119" t="s">
        <v>56</v>
      </c>
      <c r="W10" s="118"/>
    </row>
    <row r="11" spans="1:23" ht="43.2">
      <c r="A11" s="120">
        <v>8</v>
      </c>
      <c r="B11" s="120" t="s">
        <v>53</v>
      </c>
      <c r="C11" s="118" t="s">
        <v>54</v>
      </c>
      <c r="D11" s="118" t="s">
        <v>107</v>
      </c>
      <c r="E11" s="120" t="s">
        <v>108</v>
      </c>
      <c r="F11" s="118" t="s">
        <v>109</v>
      </c>
      <c r="G11" s="118" t="s">
        <v>110</v>
      </c>
      <c r="H11" s="120">
        <v>1972</v>
      </c>
      <c r="I11" s="118"/>
      <c r="J11" s="118" t="s">
        <v>30</v>
      </c>
      <c r="K11" s="120" t="s">
        <v>69</v>
      </c>
      <c r="L11" s="16" t="s">
        <v>69</v>
      </c>
      <c r="M11" s="118" t="s">
        <v>111</v>
      </c>
      <c r="N11" s="120" t="s">
        <v>882</v>
      </c>
      <c r="O11" s="119" t="s">
        <v>55</v>
      </c>
      <c r="P11" s="119" t="s">
        <v>56</v>
      </c>
      <c r="Q11" s="119" t="s">
        <v>55</v>
      </c>
      <c r="R11" s="119" t="s">
        <v>55</v>
      </c>
      <c r="S11" s="119" t="s">
        <v>56</v>
      </c>
      <c r="T11" s="119" t="s">
        <v>55</v>
      </c>
      <c r="U11" s="119" t="s">
        <v>56</v>
      </c>
      <c r="V11" s="119"/>
      <c r="W11" s="118"/>
    </row>
    <row r="12" spans="1:23" ht="43.2">
      <c r="A12" s="120">
        <v>9</v>
      </c>
      <c r="B12" s="120" t="s">
        <v>53</v>
      </c>
      <c r="C12" s="118" t="s">
        <v>54</v>
      </c>
      <c r="D12" s="118" t="s">
        <v>107</v>
      </c>
      <c r="E12" s="120" t="s">
        <v>108</v>
      </c>
      <c r="F12" s="118" t="s">
        <v>109</v>
      </c>
      <c r="G12" s="118" t="s">
        <v>112</v>
      </c>
      <c r="H12" s="120">
        <v>1972</v>
      </c>
      <c r="I12" s="118"/>
      <c r="J12" s="118" t="s">
        <v>30</v>
      </c>
      <c r="K12" s="120" t="s">
        <v>69</v>
      </c>
      <c r="L12" s="16" t="s">
        <v>69</v>
      </c>
      <c r="M12" s="118" t="s">
        <v>113</v>
      </c>
      <c r="N12" s="120" t="s">
        <v>882</v>
      </c>
      <c r="O12" s="119" t="s">
        <v>55</v>
      </c>
      <c r="P12" s="119" t="s">
        <v>56</v>
      </c>
      <c r="Q12" s="119" t="s">
        <v>55</v>
      </c>
      <c r="R12" s="119" t="s">
        <v>55</v>
      </c>
      <c r="S12" s="119" t="s">
        <v>56</v>
      </c>
      <c r="T12" s="119" t="s">
        <v>55</v>
      </c>
      <c r="U12" s="119" t="s">
        <v>56</v>
      </c>
      <c r="V12" s="119"/>
      <c r="W12" s="118"/>
    </row>
    <row r="13" spans="1:23" ht="28.8">
      <c r="A13" s="120">
        <v>10</v>
      </c>
      <c r="B13" s="120" t="s">
        <v>53</v>
      </c>
      <c r="C13" s="118" t="s">
        <v>54</v>
      </c>
      <c r="D13" s="118" t="s">
        <v>107</v>
      </c>
      <c r="E13" s="120" t="s">
        <v>108</v>
      </c>
      <c r="F13" s="118" t="s">
        <v>109</v>
      </c>
      <c r="G13" s="118" t="s">
        <v>112</v>
      </c>
      <c r="H13" s="120">
        <v>1972</v>
      </c>
      <c r="I13" s="118"/>
      <c r="J13" s="118" t="s">
        <v>30</v>
      </c>
      <c r="K13" s="120" t="s">
        <v>69</v>
      </c>
      <c r="L13" s="16" t="s">
        <v>69</v>
      </c>
      <c r="M13" s="118" t="s">
        <v>114</v>
      </c>
      <c r="N13" s="120" t="s">
        <v>882</v>
      </c>
      <c r="O13" s="119" t="s">
        <v>55</v>
      </c>
      <c r="P13" s="119" t="s">
        <v>56</v>
      </c>
      <c r="Q13" s="119" t="s">
        <v>55</v>
      </c>
      <c r="R13" s="119" t="s">
        <v>56</v>
      </c>
      <c r="S13" s="119" t="s">
        <v>56</v>
      </c>
      <c r="T13" s="119" t="s">
        <v>56</v>
      </c>
      <c r="U13" s="119" t="s">
        <v>56</v>
      </c>
      <c r="V13" s="119"/>
      <c r="W13" s="118"/>
    </row>
    <row r="14" spans="1:23" s="47" customFormat="1" ht="72">
      <c r="A14" s="120">
        <v>11</v>
      </c>
      <c r="B14" s="120" t="s">
        <v>53</v>
      </c>
      <c r="C14" s="118" t="s">
        <v>54</v>
      </c>
      <c r="D14" s="118" t="s">
        <v>61</v>
      </c>
      <c r="E14" s="120" t="s">
        <v>62</v>
      </c>
      <c r="F14" s="118" t="s">
        <v>63</v>
      </c>
      <c r="G14" s="118" t="s">
        <v>64</v>
      </c>
      <c r="H14" s="120">
        <v>1999</v>
      </c>
      <c r="I14" s="118"/>
      <c r="J14" s="118" t="s">
        <v>47</v>
      </c>
      <c r="K14" s="120" t="s">
        <v>69</v>
      </c>
      <c r="L14" s="16" t="s">
        <v>69</v>
      </c>
      <c r="M14" s="118" t="s">
        <v>65</v>
      </c>
      <c r="N14" s="120" t="s">
        <v>882</v>
      </c>
      <c r="O14" s="119" t="s">
        <v>55</v>
      </c>
      <c r="P14" s="119" t="s">
        <v>55</v>
      </c>
      <c r="Q14" s="119" t="s">
        <v>55</v>
      </c>
      <c r="R14" s="119" t="s">
        <v>55</v>
      </c>
      <c r="S14" s="119" t="s">
        <v>56</v>
      </c>
      <c r="T14" s="119" t="s">
        <v>55</v>
      </c>
      <c r="U14" s="119" t="s">
        <v>56</v>
      </c>
      <c r="V14" s="119" t="s">
        <v>56</v>
      </c>
      <c r="W14" s="118"/>
    </row>
    <row r="15" spans="1:23" ht="57.6">
      <c r="A15" s="120">
        <v>12</v>
      </c>
      <c r="B15" s="100" t="s">
        <v>53</v>
      </c>
      <c r="C15" s="101" t="s">
        <v>54</v>
      </c>
      <c r="D15" s="101" t="s">
        <v>79</v>
      </c>
      <c r="E15" s="100" t="s">
        <v>80</v>
      </c>
      <c r="F15" s="101" t="s">
        <v>81</v>
      </c>
      <c r="G15" s="101" t="s">
        <v>82</v>
      </c>
      <c r="H15" s="100">
        <v>2020</v>
      </c>
      <c r="I15" s="101"/>
      <c r="J15" s="118" t="s">
        <v>28</v>
      </c>
      <c r="K15" s="100">
        <v>1</v>
      </c>
      <c r="L15" s="48">
        <v>523.70000000000005</v>
      </c>
      <c r="M15" s="49" t="s">
        <v>83</v>
      </c>
      <c r="N15" s="120" t="s">
        <v>882</v>
      </c>
      <c r="O15" s="109" t="s">
        <v>55</v>
      </c>
      <c r="P15" s="109" t="s">
        <v>55</v>
      </c>
      <c r="Q15" s="109" t="s">
        <v>55</v>
      </c>
      <c r="R15" s="109" t="s">
        <v>55</v>
      </c>
      <c r="S15" s="109" t="s">
        <v>55</v>
      </c>
      <c r="T15" s="109" t="s">
        <v>55</v>
      </c>
      <c r="U15" s="109" t="s">
        <v>55</v>
      </c>
      <c r="V15" s="109" t="s">
        <v>56</v>
      </c>
      <c r="W15" s="101" t="s">
        <v>90</v>
      </c>
    </row>
    <row r="16" spans="1:23" ht="28.8">
      <c r="A16" s="120">
        <v>13</v>
      </c>
      <c r="B16" s="100" t="s">
        <v>53</v>
      </c>
      <c r="C16" s="101" t="s">
        <v>54</v>
      </c>
      <c r="D16" s="101" t="s">
        <v>79</v>
      </c>
      <c r="E16" s="100" t="s">
        <v>80</v>
      </c>
      <c r="F16" s="101" t="s">
        <v>84</v>
      </c>
      <c r="G16" s="101" t="s">
        <v>82</v>
      </c>
      <c r="H16" s="100">
        <v>2020</v>
      </c>
      <c r="I16" s="101"/>
      <c r="J16" s="118" t="s">
        <v>47</v>
      </c>
      <c r="K16" s="100">
        <v>1</v>
      </c>
      <c r="L16" s="48">
        <v>525.70000000000005</v>
      </c>
      <c r="M16" s="49" t="s">
        <v>85</v>
      </c>
      <c r="N16" s="120" t="s">
        <v>882</v>
      </c>
      <c r="O16" s="109" t="s">
        <v>55</v>
      </c>
      <c r="P16" s="109" t="s">
        <v>55</v>
      </c>
      <c r="Q16" s="109" t="s">
        <v>55</v>
      </c>
      <c r="R16" s="109" t="s">
        <v>55</v>
      </c>
      <c r="S16" s="109" t="s">
        <v>55</v>
      </c>
      <c r="T16" s="109" t="s">
        <v>55</v>
      </c>
      <c r="U16" s="109" t="s">
        <v>55</v>
      </c>
      <c r="V16" s="109" t="s">
        <v>56</v>
      </c>
      <c r="W16" s="101" t="s">
        <v>89</v>
      </c>
    </row>
    <row r="17" spans="1:23" ht="72">
      <c r="A17" s="120">
        <v>14</v>
      </c>
      <c r="B17" s="100" t="s">
        <v>53</v>
      </c>
      <c r="C17" s="101" t="s">
        <v>54</v>
      </c>
      <c r="D17" s="101" t="s">
        <v>79</v>
      </c>
      <c r="E17" s="100" t="s">
        <v>80</v>
      </c>
      <c r="F17" s="101" t="s">
        <v>86</v>
      </c>
      <c r="G17" s="101" t="s">
        <v>82</v>
      </c>
      <c r="H17" s="100">
        <v>2020</v>
      </c>
      <c r="I17" s="101"/>
      <c r="J17" s="118" t="s">
        <v>47</v>
      </c>
      <c r="K17" s="100">
        <v>1</v>
      </c>
      <c r="L17" s="48">
        <v>339.1</v>
      </c>
      <c r="M17" s="49" t="s">
        <v>87</v>
      </c>
      <c r="N17" s="120" t="s">
        <v>882</v>
      </c>
      <c r="O17" s="109" t="s">
        <v>55</v>
      </c>
      <c r="P17" s="109" t="s">
        <v>55</v>
      </c>
      <c r="Q17" s="109" t="s">
        <v>55</v>
      </c>
      <c r="R17" s="109" t="s">
        <v>55</v>
      </c>
      <c r="S17" s="109" t="s">
        <v>55</v>
      </c>
      <c r="T17" s="109" t="s">
        <v>55</v>
      </c>
      <c r="U17" s="109" t="s">
        <v>55</v>
      </c>
      <c r="V17" s="109" t="s">
        <v>56</v>
      </c>
      <c r="W17" s="101" t="s">
        <v>88</v>
      </c>
    </row>
    <row r="18" spans="1:23" ht="28.8">
      <c r="A18" s="120">
        <v>15</v>
      </c>
      <c r="B18" s="120" t="s">
        <v>53</v>
      </c>
      <c r="C18" s="118" t="s">
        <v>115</v>
      </c>
      <c r="D18" s="7" t="s">
        <v>116</v>
      </c>
      <c r="E18" s="120"/>
      <c r="F18" s="7" t="s">
        <v>117</v>
      </c>
      <c r="G18" s="7" t="s">
        <v>118</v>
      </c>
      <c r="H18" s="120">
        <v>1982</v>
      </c>
      <c r="I18" s="118"/>
      <c r="J18" s="118" t="s">
        <v>119</v>
      </c>
      <c r="K18" s="120"/>
      <c r="L18" s="16"/>
      <c r="M18" s="118"/>
      <c r="N18" s="120" t="s">
        <v>882</v>
      </c>
      <c r="O18" s="119" t="s">
        <v>56</v>
      </c>
      <c r="P18" s="119" t="s">
        <v>56</v>
      </c>
      <c r="Q18" s="119" t="s">
        <v>56</v>
      </c>
      <c r="R18" s="119" t="s">
        <v>56</v>
      </c>
      <c r="S18" s="119" t="s">
        <v>56</v>
      </c>
      <c r="T18" s="119" t="s">
        <v>56</v>
      </c>
      <c r="U18" s="119" t="s">
        <v>56</v>
      </c>
      <c r="V18" s="119" t="s">
        <v>56</v>
      </c>
      <c r="W18" s="120"/>
    </row>
    <row r="19" spans="1:23" ht="28.8">
      <c r="A19" s="120">
        <v>16</v>
      </c>
      <c r="B19" s="120" t="s">
        <v>53</v>
      </c>
      <c r="C19" s="118" t="s">
        <v>115</v>
      </c>
      <c r="D19" s="7" t="s">
        <v>120</v>
      </c>
      <c r="E19" s="120"/>
      <c r="F19" s="7" t="s">
        <v>117</v>
      </c>
      <c r="G19" s="7" t="s">
        <v>118</v>
      </c>
      <c r="H19" s="120">
        <v>1982</v>
      </c>
      <c r="I19" s="118"/>
      <c r="J19" s="118" t="s">
        <v>119</v>
      </c>
      <c r="K19" s="120"/>
      <c r="L19" s="16"/>
      <c r="M19" s="118"/>
      <c r="N19" s="120" t="s">
        <v>882</v>
      </c>
      <c r="O19" s="119" t="s">
        <v>56</v>
      </c>
      <c r="P19" s="119" t="s">
        <v>56</v>
      </c>
      <c r="Q19" s="119" t="s">
        <v>56</v>
      </c>
      <c r="R19" s="119" t="s">
        <v>56</v>
      </c>
      <c r="S19" s="119" t="s">
        <v>56</v>
      </c>
      <c r="T19" s="119" t="s">
        <v>56</v>
      </c>
      <c r="U19" s="119" t="s">
        <v>56</v>
      </c>
      <c r="V19" s="119" t="s">
        <v>56</v>
      </c>
      <c r="W19" s="118"/>
    </row>
    <row r="20" spans="1:23" ht="28.8">
      <c r="A20" s="120">
        <v>17</v>
      </c>
      <c r="B20" s="120" t="s">
        <v>53</v>
      </c>
      <c r="C20" s="118" t="s">
        <v>115</v>
      </c>
      <c r="D20" s="7" t="s">
        <v>121</v>
      </c>
      <c r="E20" s="120"/>
      <c r="F20" s="7" t="s">
        <v>122</v>
      </c>
      <c r="G20" s="7" t="s">
        <v>118</v>
      </c>
      <c r="H20" s="120">
        <v>1982</v>
      </c>
      <c r="I20" s="118"/>
      <c r="J20" s="118" t="s">
        <v>119</v>
      </c>
      <c r="K20" s="120"/>
      <c r="L20" s="16"/>
      <c r="M20" s="118"/>
      <c r="N20" s="120" t="s">
        <v>882</v>
      </c>
      <c r="O20" s="119" t="s">
        <v>56</v>
      </c>
      <c r="P20" s="119" t="s">
        <v>56</v>
      </c>
      <c r="Q20" s="119" t="s">
        <v>56</v>
      </c>
      <c r="R20" s="119" t="s">
        <v>56</v>
      </c>
      <c r="S20" s="119" t="s">
        <v>56</v>
      </c>
      <c r="T20" s="119" t="s">
        <v>56</v>
      </c>
      <c r="U20" s="119" t="s">
        <v>56</v>
      </c>
      <c r="V20" s="119" t="s">
        <v>56</v>
      </c>
      <c r="W20" s="120"/>
    </row>
    <row r="21" spans="1:23" ht="28.8">
      <c r="A21" s="120">
        <v>18</v>
      </c>
      <c r="B21" s="120" t="s">
        <v>53</v>
      </c>
      <c r="C21" s="118" t="s">
        <v>115</v>
      </c>
      <c r="D21" s="7" t="s">
        <v>123</v>
      </c>
      <c r="E21" s="120"/>
      <c r="F21" s="7" t="s">
        <v>124</v>
      </c>
      <c r="G21" s="7" t="s">
        <v>118</v>
      </c>
      <c r="H21" s="120">
        <v>1982</v>
      </c>
      <c r="I21" s="118"/>
      <c r="J21" s="118" t="s">
        <v>119</v>
      </c>
      <c r="K21" s="120"/>
      <c r="L21" s="16"/>
      <c r="M21" s="118"/>
      <c r="N21" s="120" t="s">
        <v>882</v>
      </c>
      <c r="O21" s="119" t="s">
        <v>56</v>
      </c>
      <c r="P21" s="119" t="s">
        <v>56</v>
      </c>
      <c r="Q21" s="119" t="s">
        <v>56</v>
      </c>
      <c r="R21" s="119" t="s">
        <v>56</v>
      </c>
      <c r="S21" s="119" t="s">
        <v>56</v>
      </c>
      <c r="T21" s="119" t="s">
        <v>56</v>
      </c>
      <c r="U21" s="119" t="s">
        <v>56</v>
      </c>
      <c r="V21" s="119" t="s">
        <v>56</v>
      </c>
      <c r="W21" s="120"/>
    </row>
    <row r="22" spans="1:23" ht="43.2">
      <c r="A22" s="120">
        <v>19</v>
      </c>
      <c r="B22" s="120" t="s">
        <v>53</v>
      </c>
      <c r="C22" s="118" t="s">
        <v>115</v>
      </c>
      <c r="D22" s="7" t="s">
        <v>125</v>
      </c>
      <c r="E22" s="120"/>
      <c r="F22" s="7" t="s">
        <v>126</v>
      </c>
      <c r="G22" s="7" t="s">
        <v>118</v>
      </c>
      <c r="H22" s="120">
        <v>1982</v>
      </c>
      <c r="I22" s="118"/>
      <c r="J22" s="118" t="s">
        <v>119</v>
      </c>
      <c r="K22" s="120"/>
      <c r="L22" s="16"/>
      <c r="M22" s="118"/>
      <c r="N22" s="120" t="s">
        <v>882</v>
      </c>
      <c r="O22" s="119" t="s">
        <v>56</v>
      </c>
      <c r="P22" s="119" t="s">
        <v>56</v>
      </c>
      <c r="Q22" s="119" t="s">
        <v>56</v>
      </c>
      <c r="R22" s="119" t="s">
        <v>56</v>
      </c>
      <c r="S22" s="119" t="s">
        <v>56</v>
      </c>
      <c r="T22" s="119" t="s">
        <v>56</v>
      </c>
      <c r="U22" s="119" t="s">
        <v>56</v>
      </c>
      <c r="V22" s="119" t="s">
        <v>56</v>
      </c>
      <c r="W22" s="120"/>
    </row>
    <row r="23" spans="1:23" ht="28.8">
      <c r="A23" s="120">
        <v>20</v>
      </c>
      <c r="B23" s="120" t="s">
        <v>53</v>
      </c>
      <c r="C23" s="118" t="s">
        <v>115</v>
      </c>
      <c r="D23" s="7" t="s">
        <v>127</v>
      </c>
      <c r="E23" s="120"/>
      <c r="F23" s="7" t="s">
        <v>128</v>
      </c>
      <c r="G23" s="7" t="s">
        <v>118</v>
      </c>
      <c r="H23" s="120">
        <v>1982</v>
      </c>
      <c r="I23" s="118"/>
      <c r="J23" s="118" t="s">
        <v>119</v>
      </c>
      <c r="K23" s="120"/>
      <c r="L23" s="16"/>
      <c r="M23" s="118"/>
      <c r="N23" s="120" t="s">
        <v>882</v>
      </c>
      <c r="O23" s="119" t="s">
        <v>56</v>
      </c>
      <c r="P23" s="119" t="s">
        <v>56</v>
      </c>
      <c r="Q23" s="119" t="s">
        <v>56</v>
      </c>
      <c r="R23" s="119" t="s">
        <v>56</v>
      </c>
      <c r="S23" s="119" t="s">
        <v>56</v>
      </c>
      <c r="T23" s="119" t="s">
        <v>56</v>
      </c>
      <c r="U23" s="119" t="s">
        <v>56</v>
      </c>
      <c r="V23" s="119" t="s">
        <v>56</v>
      </c>
      <c r="W23" s="120"/>
    </row>
    <row r="24" spans="1:23" ht="28.8">
      <c r="A24" s="120">
        <v>21</v>
      </c>
      <c r="B24" s="120" t="s">
        <v>53</v>
      </c>
      <c r="C24" s="118" t="s">
        <v>115</v>
      </c>
      <c r="D24" s="7" t="s">
        <v>129</v>
      </c>
      <c r="E24" s="120"/>
      <c r="F24" s="7" t="s">
        <v>130</v>
      </c>
      <c r="G24" s="7" t="s">
        <v>118</v>
      </c>
      <c r="H24" s="120">
        <v>1982</v>
      </c>
      <c r="I24" s="118"/>
      <c r="J24" s="118" t="s">
        <v>119</v>
      </c>
      <c r="K24" s="120"/>
      <c r="L24" s="16"/>
      <c r="M24" s="118"/>
      <c r="N24" s="120" t="s">
        <v>882</v>
      </c>
      <c r="O24" s="119" t="s">
        <v>56</v>
      </c>
      <c r="P24" s="119" t="s">
        <v>56</v>
      </c>
      <c r="Q24" s="119" t="s">
        <v>56</v>
      </c>
      <c r="R24" s="119" t="s">
        <v>56</v>
      </c>
      <c r="S24" s="119" t="s">
        <v>56</v>
      </c>
      <c r="T24" s="119" t="s">
        <v>56</v>
      </c>
      <c r="U24" s="119" t="s">
        <v>56</v>
      </c>
      <c r="V24" s="119" t="s">
        <v>56</v>
      </c>
      <c r="W24" s="120"/>
    </row>
    <row r="25" spans="1:23" ht="28.8">
      <c r="A25" s="120">
        <v>22</v>
      </c>
      <c r="B25" s="120" t="s">
        <v>53</v>
      </c>
      <c r="C25" s="118" t="s">
        <v>115</v>
      </c>
      <c r="D25" s="7" t="s">
        <v>131</v>
      </c>
      <c r="E25" s="120"/>
      <c r="F25" s="7" t="s">
        <v>132</v>
      </c>
      <c r="G25" s="7" t="s">
        <v>118</v>
      </c>
      <c r="H25" s="120">
        <v>1982</v>
      </c>
      <c r="I25" s="118"/>
      <c r="J25" s="118" t="s">
        <v>119</v>
      </c>
      <c r="K25" s="120"/>
      <c r="L25" s="16"/>
      <c r="M25" s="118"/>
      <c r="N25" s="120" t="s">
        <v>882</v>
      </c>
      <c r="O25" s="119" t="s">
        <v>56</v>
      </c>
      <c r="P25" s="119" t="s">
        <v>56</v>
      </c>
      <c r="Q25" s="119" t="s">
        <v>56</v>
      </c>
      <c r="R25" s="119" t="s">
        <v>56</v>
      </c>
      <c r="S25" s="119" t="s">
        <v>56</v>
      </c>
      <c r="T25" s="119" t="s">
        <v>56</v>
      </c>
      <c r="U25" s="119" t="s">
        <v>56</v>
      </c>
      <c r="V25" s="119" t="s">
        <v>56</v>
      </c>
      <c r="W25" s="120"/>
    </row>
    <row r="26" spans="1:23" ht="28.8">
      <c r="A26" s="120">
        <v>23</v>
      </c>
      <c r="B26" s="120" t="s">
        <v>53</v>
      </c>
      <c r="C26" s="118" t="s">
        <v>115</v>
      </c>
      <c r="D26" s="7" t="s">
        <v>133</v>
      </c>
      <c r="E26" s="120"/>
      <c r="F26" s="7" t="s">
        <v>134</v>
      </c>
      <c r="G26" s="7" t="s">
        <v>118</v>
      </c>
      <c r="H26" s="120">
        <v>1982</v>
      </c>
      <c r="I26" s="118"/>
      <c r="J26" s="118" t="s">
        <v>119</v>
      </c>
      <c r="K26" s="120"/>
      <c r="L26" s="16"/>
      <c r="M26" s="118"/>
      <c r="N26" s="120" t="s">
        <v>882</v>
      </c>
      <c r="O26" s="119" t="s">
        <v>56</v>
      </c>
      <c r="P26" s="119" t="s">
        <v>56</v>
      </c>
      <c r="Q26" s="119" t="s">
        <v>56</v>
      </c>
      <c r="R26" s="119" t="s">
        <v>56</v>
      </c>
      <c r="S26" s="119" t="s">
        <v>56</v>
      </c>
      <c r="T26" s="119" t="s">
        <v>56</v>
      </c>
      <c r="U26" s="119" t="s">
        <v>56</v>
      </c>
      <c r="V26" s="119" t="s">
        <v>56</v>
      </c>
      <c r="W26" s="120"/>
    </row>
    <row r="27" spans="1:23" ht="43.2">
      <c r="A27" s="120">
        <v>24</v>
      </c>
      <c r="B27" s="120" t="s">
        <v>53</v>
      </c>
      <c r="C27" s="118" t="s">
        <v>115</v>
      </c>
      <c r="D27" s="7" t="s">
        <v>135</v>
      </c>
      <c r="E27" s="120"/>
      <c r="F27" s="7" t="s">
        <v>136</v>
      </c>
      <c r="G27" s="7" t="s">
        <v>118</v>
      </c>
      <c r="H27" s="120">
        <v>1982</v>
      </c>
      <c r="I27" s="118"/>
      <c r="J27" s="118" t="s">
        <v>119</v>
      </c>
      <c r="K27" s="120"/>
      <c r="L27" s="16"/>
      <c r="M27" s="118"/>
      <c r="N27" s="120" t="s">
        <v>882</v>
      </c>
      <c r="O27" s="119" t="s">
        <v>56</v>
      </c>
      <c r="P27" s="119" t="s">
        <v>56</v>
      </c>
      <c r="Q27" s="119" t="s">
        <v>56</v>
      </c>
      <c r="R27" s="119" t="s">
        <v>56</v>
      </c>
      <c r="S27" s="119" t="s">
        <v>56</v>
      </c>
      <c r="T27" s="119" t="s">
        <v>56</v>
      </c>
      <c r="U27" s="119" t="s">
        <v>56</v>
      </c>
      <c r="V27" s="119" t="s">
        <v>56</v>
      </c>
      <c r="W27" s="120"/>
    </row>
    <row r="28" spans="1:23" ht="28.8">
      <c r="A28" s="120">
        <v>25</v>
      </c>
      <c r="B28" s="120" t="s">
        <v>53</v>
      </c>
      <c r="C28" s="118" t="s">
        <v>115</v>
      </c>
      <c r="D28" s="7" t="s">
        <v>137</v>
      </c>
      <c r="E28" s="120"/>
      <c r="F28" s="7" t="s">
        <v>138</v>
      </c>
      <c r="G28" s="7" t="s">
        <v>118</v>
      </c>
      <c r="H28" s="120">
        <v>1982</v>
      </c>
      <c r="I28" s="118"/>
      <c r="J28" s="118" t="s">
        <v>119</v>
      </c>
      <c r="K28" s="120"/>
      <c r="L28" s="16"/>
      <c r="M28" s="118"/>
      <c r="N28" s="120" t="s">
        <v>882</v>
      </c>
      <c r="O28" s="119" t="s">
        <v>56</v>
      </c>
      <c r="P28" s="119" t="s">
        <v>56</v>
      </c>
      <c r="Q28" s="119" t="s">
        <v>56</v>
      </c>
      <c r="R28" s="119" t="s">
        <v>56</v>
      </c>
      <c r="S28" s="119" t="s">
        <v>56</v>
      </c>
      <c r="T28" s="119" t="s">
        <v>56</v>
      </c>
      <c r="U28" s="119" t="s">
        <v>56</v>
      </c>
      <c r="V28" s="119" t="s">
        <v>56</v>
      </c>
      <c r="W28" s="120"/>
    </row>
    <row r="29" spans="1:23" ht="28.8">
      <c r="A29" s="120">
        <v>26</v>
      </c>
      <c r="B29" s="120" t="s">
        <v>53</v>
      </c>
      <c r="C29" s="118" t="s">
        <v>115</v>
      </c>
      <c r="D29" s="7" t="s">
        <v>139</v>
      </c>
      <c r="E29" s="120"/>
      <c r="F29" s="7" t="s">
        <v>140</v>
      </c>
      <c r="G29" s="7" t="s">
        <v>118</v>
      </c>
      <c r="H29" s="120">
        <v>1982</v>
      </c>
      <c r="I29" s="118"/>
      <c r="J29" s="118" t="s">
        <v>119</v>
      </c>
      <c r="K29" s="120"/>
      <c r="L29" s="16"/>
      <c r="M29" s="118"/>
      <c r="N29" s="120" t="s">
        <v>882</v>
      </c>
      <c r="O29" s="119" t="s">
        <v>56</v>
      </c>
      <c r="P29" s="119" t="s">
        <v>56</v>
      </c>
      <c r="Q29" s="119" t="s">
        <v>56</v>
      </c>
      <c r="R29" s="119" t="s">
        <v>56</v>
      </c>
      <c r="S29" s="119" t="s">
        <v>56</v>
      </c>
      <c r="T29" s="119" t="s">
        <v>56</v>
      </c>
      <c r="U29" s="119" t="s">
        <v>56</v>
      </c>
      <c r="V29" s="119" t="s">
        <v>56</v>
      </c>
      <c r="W29" s="120"/>
    </row>
    <row r="30" spans="1:23" ht="43.2">
      <c r="A30" s="120">
        <v>27</v>
      </c>
      <c r="B30" s="120" t="s">
        <v>53</v>
      </c>
      <c r="C30" s="118" t="s">
        <v>115</v>
      </c>
      <c r="D30" s="7" t="s">
        <v>141</v>
      </c>
      <c r="E30" s="120"/>
      <c r="F30" s="7" t="s">
        <v>142</v>
      </c>
      <c r="G30" s="7" t="s">
        <v>118</v>
      </c>
      <c r="H30" s="120">
        <v>1982</v>
      </c>
      <c r="I30" s="118"/>
      <c r="J30" s="118" t="s">
        <v>119</v>
      </c>
      <c r="K30" s="120"/>
      <c r="L30" s="16"/>
      <c r="M30" s="118"/>
      <c r="N30" s="120" t="s">
        <v>882</v>
      </c>
      <c r="O30" s="119" t="s">
        <v>56</v>
      </c>
      <c r="P30" s="119" t="s">
        <v>56</v>
      </c>
      <c r="Q30" s="119" t="s">
        <v>56</v>
      </c>
      <c r="R30" s="119" t="s">
        <v>56</v>
      </c>
      <c r="S30" s="119" t="s">
        <v>56</v>
      </c>
      <c r="T30" s="119" t="s">
        <v>56</v>
      </c>
      <c r="U30" s="119" t="s">
        <v>56</v>
      </c>
      <c r="V30" s="119" t="s">
        <v>56</v>
      </c>
      <c r="W30" s="120"/>
    </row>
    <row r="31" spans="1:23" ht="28.8">
      <c r="A31" s="120">
        <v>28</v>
      </c>
      <c r="B31" s="120" t="s">
        <v>53</v>
      </c>
      <c r="C31" s="118" t="s">
        <v>115</v>
      </c>
      <c r="D31" s="7" t="s">
        <v>143</v>
      </c>
      <c r="E31" s="120"/>
      <c r="F31" s="7" t="s">
        <v>142</v>
      </c>
      <c r="G31" s="7" t="s">
        <v>118</v>
      </c>
      <c r="H31" s="120">
        <v>1982</v>
      </c>
      <c r="I31" s="118"/>
      <c r="J31" s="118" t="s">
        <v>119</v>
      </c>
      <c r="K31" s="120"/>
      <c r="L31" s="16"/>
      <c r="M31" s="118"/>
      <c r="N31" s="120" t="s">
        <v>882</v>
      </c>
      <c r="O31" s="119" t="s">
        <v>56</v>
      </c>
      <c r="P31" s="119" t="s">
        <v>56</v>
      </c>
      <c r="Q31" s="119" t="s">
        <v>56</v>
      </c>
      <c r="R31" s="119" t="s">
        <v>56</v>
      </c>
      <c r="S31" s="119" t="s">
        <v>56</v>
      </c>
      <c r="T31" s="119" t="s">
        <v>56</v>
      </c>
      <c r="U31" s="119" t="s">
        <v>56</v>
      </c>
      <c r="V31" s="119" t="s">
        <v>56</v>
      </c>
      <c r="W31" s="120"/>
    </row>
    <row r="32" spans="1:23" ht="43.2">
      <c r="A32" s="120">
        <v>29</v>
      </c>
      <c r="B32" s="120" t="s">
        <v>53</v>
      </c>
      <c r="C32" s="118" t="s">
        <v>115</v>
      </c>
      <c r="D32" s="7" t="s">
        <v>144</v>
      </c>
      <c r="E32" s="120"/>
      <c r="F32" s="7" t="s">
        <v>145</v>
      </c>
      <c r="G32" s="7" t="s">
        <v>118</v>
      </c>
      <c r="H32" s="120">
        <v>1982</v>
      </c>
      <c r="I32" s="118"/>
      <c r="J32" s="118" t="s">
        <v>119</v>
      </c>
      <c r="K32" s="120"/>
      <c r="L32" s="16"/>
      <c r="M32" s="118"/>
      <c r="N32" s="120" t="s">
        <v>882</v>
      </c>
      <c r="O32" s="119" t="s">
        <v>56</v>
      </c>
      <c r="P32" s="119" t="s">
        <v>56</v>
      </c>
      <c r="Q32" s="119" t="s">
        <v>56</v>
      </c>
      <c r="R32" s="119" t="s">
        <v>56</v>
      </c>
      <c r="S32" s="119" t="s">
        <v>56</v>
      </c>
      <c r="T32" s="119" t="s">
        <v>56</v>
      </c>
      <c r="U32" s="119" t="s">
        <v>56</v>
      </c>
      <c r="V32" s="119" t="s">
        <v>56</v>
      </c>
      <c r="W32" s="120"/>
    </row>
    <row r="33" spans="1:23" ht="28.8">
      <c r="A33" s="120">
        <v>30</v>
      </c>
      <c r="B33" s="120" t="s">
        <v>53</v>
      </c>
      <c r="C33" s="118" t="s">
        <v>115</v>
      </c>
      <c r="D33" s="7" t="s">
        <v>146</v>
      </c>
      <c r="E33" s="120"/>
      <c r="F33" s="7" t="s">
        <v>134</v>
      </c>
      <c r="G33" s="7" t="s">
        <v>118</v>
      </c>
      <c r="H33" s="120">
        <v>1982</v>
      </c>
      <c r="I33" s="118"/>
      <c r="J33" s="118" t="s">
        <v>119</v>
      </c>
      <c r="K33" s="120"/>
      <c r="L33" s="16"/>
      <c r="M33" s="118"/>
      <c r="N33" s="120" t="s">
        <v>882</v>
      </c>
      <c r="O33" s="119" t="s">
        <v>56</v>
      </c>
      <c r="P33" s="119" t="s">
        <v>56</v>
      </c>
      <c r="Q33" s="119" t="s">
        <v>56</v>
      </c>
      <c r="R33" s="119" t="s">
        <v>56</v>
      </c>
      <c r="S33" s="119" t="s">
        <v>56</v>
      </c>
      <c r="T33" s="119" t="s">
        <v>56</v>
      </c>
      <c r="U33" s="119" t="s">
        <v>56</v>
      </c>
      <c r="V33" s="119" t="s">
        <v>56</v>
      </c>
      <c r="W33" s="120"/>
    </row>
    <row r="34" spans="1:23" ht="28.8">
      <c r="A34" s="120">
        <v>31</v>
      </c>
      <c r="B34" s="120" t="s">
        <v>53</v>
      </c>
      <c r="C34" s="118" t="s">
        <v>115</v>
      </c>
      <c r="D34" s="7" t="s">
        <v>147</v>
      </c>
      <c r="E34" s="120"/>
      <c r="F34" s="7" t="s">
        <v>148</v>
      </c>
      <c r="G34" s="7" t="s">
        <v>118</v>
      </c>
      <c r="H34" s="120">
        <v>1982</v>
      </c>
      <c r="I34" s="118"/>
      <c r="J34" s="118" t="s">
        <v>119</v>
      </c>
      <c r="K34" s="120"/>
      <c r="L34" s="16"/>
      <c r="M34" s="118"/>
      <c r="N34" s="120" t="s">
        <v>882</v>
      </c>
      <c r="O34" s="119" t="s">
        <v>56</v>
      </c>
      <c r="P34" s="119" t="s">
        <v>56</v>
      </c>
      <c r="Q34" s="119" t="s">
        <v>56</v>
      </c>
      <c r="R34" s="119" t="s">
        <v>56</v>
      </c>
      <c r="S34" s="119" t="s">
        <v>56</v>
      </c>
      <c r="T34" s="119" t="s">
        <v>56</v>
      </c>
      <c r="U34" s="119" t="s">
        <v>56</v>
      </c>
      <c r="V34" s="119" t="s">
        <v>56</v>
      </c>
      <c r="W34" s="120"/>
    </row>
    <row r="35" spans="1:23">
      <c r="A35" s="120">
        <v>32</v>
      </c>
      <c r="B35" s="120" t="s">
        <v>53</v>
      </c>
      <c r="C35" s="118" t="s">
        <v>115</v>
      </c>
      <c r="D35" s="7" t="s">
        <v>149</v>
      </c>
      <c r="E35" s="120"/>
      <c r="F35" s="7" t="s">
        <v>150</v>
      </c>
      <c r="G35" s="7" t="s">
        <v>118</v>
      </c>
      <c r="H35" s="120">
        <v>1970</v>
      </c>
      <c r="I35" s="118"/>
      <c r="J35" s="118" t="s">
        <v>119</v>
      </c>
      <c r="K35" s="120"/>
      <c r="L35" s="16"/>
      <c r="M35" s="118"/>
      <c r="N35" s="120" t="s">
        <v>882</v>
      </c>
      <c r="O35" s="119" t="s">
        <v>56</v>
      </c>
      <c r="P35" s="119" t="s">
        <v>56</v>
      </c>
      <c r="Q35" s="119" t="s">
        <v>56</v>
      </c>
      <c r="R35" s="119" t="s">
        <v>56</v>
      </c>
      <c r="S35" s="119" t="s">
        <v>56</v>
      </c>
      <c r="T35" s="119" t="s">
        <v>56</v>
      </c>
      <c r="U35" s="119" t="s">
        <v>56</v>
      </c>
      <c r="V35" s="119" t="s">
        <v>56</v>
      </c>
      <c r="W35" s="120"/>
    </row>
    <row r="36" spans="1:23" ht="28.8">
      <c r="A36" s="120">
        <v>33</v>
      </c>
      <c r="B36" s="120" t="s">
        <v>53</v>
      </c>
      <c r="C36" s="118" t="s">
        <v>115</v>
      </c>
      <c r="D36" s="7" t="s">
        <v>151</v>
      </c>
      <c r="E36" s="120"/>
      <c r="F36" s="7" t="s">
        <v>152</v>
      </c>
      <c r="G36" s="8" t="s">
        <v>153</v>
      </c>
      <c r="H36" s="100">
        <v>1963</v>
      </c>
      <c r="I36" s="101"/>
      <c r="J36" s="118" t="s">
        <v>47</v>
      </c>
      <c r="K36" s="120">
        <v>1</v>
      </c>
      <c r="L36" s="16">
        <v>8000</v>
      </c>
      <c r="M36" s="118"/>
      <c r="N36" s="120" t="s">
        <v>882</v>
      </c>
      <c r="O36" s="119" t="s">
        <v>56</v>
      </c>
      <c r="P36" s="119" t="s">
        <v>56</v>
      </c>
      <c r="Q36" s="119" t="s">
        <v>56</v>
      </c>
      <c r="R36" s="119" t="s">
        <v>56</v>
      </c>
      <c r="S36" s="119" t="s">
        <v>56</v>
      </c>
      <c r="T36" s="119" t="s">
        <v>56</v>
      </c>
      <c r="U36" s="119" t="s">
        <v>56</v>
      </c>
      <c r="V36" s="119" t="s">
        <v>56</v>
      </c>
      <c r="W36" s="120"/>
    </row>
    <row r="37" spans="1:23">
      <c r="A37" s="120">
        <v>34</v>
      </c>
      <c r="B37" s="120" t="s">
        <v>53</v>
      </c>
      <c r="C37" s="118" t="s">
        <v>154</v>
      </c>
      <c r="D37" s="118" t="s">
        <v>155</v>
      </c>
      <c r="E37" s="120" t="s">
        <v>156</v>
      </c>
      <c r="F37" s="118" t="s">
        <v>157</v>
      </c>
      <c r="G37" s="118" t="s">
        <v>158</v>
      </c>
      <c r="H37" s="120">
        <v>1983</v>
      </c>
      <c r="I37" s="118"/>
      <c r="J37" s="118" t="s">
        <v>119</v>
      </c>
      <c r="K37" s="120" t="s">
        <v>69</v>
      </c>
      <c r="L37" s="16" t="s">
        <v>69</v>
      </c>
      <c r="M37" s="118" t="s">
        <v>159</v>
      </c>
      <c r="N37" s="120" t="s">
        <v>882</v>
      </c>
      <c r="O37" s="119" t="s">
        <v>55</v>
      </c>
      <c r="P37" s="119" t="s">
        <v>56</v>
      </c>
      <c r="Q37" s="119" t="s">
        <v>56</v>
      </c>
      <c r="R37" s="119" t="s">
        <v>55</v>
      </c>
      <c r="S37" s="119" t="s">
        <v>56</v>
      </c>
      <c r="T37" s="119" t="s">
        <v>55</v>
      </c>
      <c r="U37" s="119" t="s">
        <v>56</v>
      </c>
      <c r="V37" s="119" t="s">
        <v>56</v>
      </c>
      <c r="W37" s="120"/>
    </row>
    <row r="38" spans="1:23" ht="28.8">
      <c r="A38" s="120">
        <v>35</v>
      </c>
      <c r="B38" s="120" t="s">
        <v>160</v>
      </c>
      <c r="C38" s="118" t="s">
        <v>154</v>
      </c>
      <c r="D38" s="118" t="s">
        <v>161</v>
      </c>
      <c r="E38" s="120" t="s">
        <v>162</v>
      </c>
      <c r="F38" s="118" t="s">
        <v>163</v>
      </c>
      <c r="G38" s="118" t="s">
        <v>164</v>
      </c>
      <c r="H38" s="120">
        <v>1985</v>
      </c>
      <c r="I38" s="118"/>
      <c r="J38" s="118" t="s">
        <v>119</v>
      </c>
      <c r="K38" s="120" t="s">
        <v>69</v>
      </c>
      <c r="L38" s="16" t="s">
        <v>69</v>
      </c>
      <c r="M38" s="118" t="s">
        <v>165</v>
      </c>
      <c r="N38" s="120" t="s">
        <v>882</v>
      </c>
      <c r="O38" s="119" t="s">
        <v>56</v>
      </c>
      <c r="P38" s="119" t="s">
        <v>56</v>
      </c>
      <c r="Q38" s="119" t="s">
        <v>56</v>
      </c>
      <c r="R38" s="119" t="s">
        <v>166</v>
      </c>
      <c r="S38" s="119" t="s">
        <v>56</v>
      </c>
      <c r="T38" s="119" t="s">
        <v>56</v>
      </c>
      <c r="U38" s="119" t="s">
        <v>56</v>
      </c>
      <c r="V38" s="119" t="s">
        <v>56</v>
      </c>
      <c r="W38" s="118"/>
    </row>
    <row r="39" spans="1:23" ht="129.6">
      <c r="A39" s="120">
        <v>36</v>
      </c>
      <c r="B39" s="120" t="s">
        <v>53</v>
      </c>
      <c r="C39" s="118" t="s">
        <v>167</v>
      </c>
      <c r="D39" s="118" t="s">
        <v>168</v>
      </c>
      <c r="E39" s="120" t="s">
        <v>169</v>
      </c>
      <c r="F39" s="118" t="s">
        <v>170</v>
      </c>
      <c r="G39" s="118" t="s">
        <v>171</v>
      </c>
      <c r="H39" s="120">
        <v>2006</v>
      </c>
      <c r="I39" s="118"/>
      <c r="J39" s="118" t="s">
        <v>119</v>
      </c>
      <c r="K39" s="120" t="s">
        <v>172</v>
      </c>
      <c r="L39" s="16">
        <v>19585</v>
      </c>
      <c r="M39" s="118" t="s">
        <v>173</v>
      </c>
      <c r="N39" s="120" t="s">
        <v>882</v>
      </c>
      <c r="O39" s="119" t="s">
        <v>56</v>
      </c>
      <c r="P39" s="119" t="s">
        <v>56</v>
      </c>
      <c r="Q39" s="119" t="s">
        <v>56</v>
      </c>
      <c r="R39" s="119" t="s">
        <v>55</v>
      </c>
      <c r="S39" s="119" t="s">
        <v>56</v>
      </c>
      <c r="T39" s="119" t="s">
        <v>55</v>
      </c>
      <c r="U39" s="119" t="s">
        <v>55</v>
      </c>
      <c r="V39" s="119" t="s">
        <v>56</v>
      </c>
      <c r="W39" s="118" t="s">
        <v>174</v>
      </c>
    </row>
    <row r="40" spans="1:23" ht="28.8">
      <c r="A40" s="120">
        <v>37</v>
      </c>
      <c r="B40" s="120" t="s">
        <v>53</v>
      </c>
      <c r="C40" s="118" t="s">
        <v>175</v>
      </c>
      <c r="D40" s="118" t="s">
        <v>176</v>
      </c>
      <c r="E40" s="120" t="s">
        <v>177</v>
      </c>
      <c r="F40" s="118" t="s">
        <v>178</v>
      </c>
      <c r="G40" s="118" t="s">
        <v>179</v>
      </c>
      <c r="H40" s="120"/>
      <c r="I40" s="118"/>
      <c r="J40" s="118" t="s">
        <v>22</v>
      </c>
      <c r="K40" s="120"/>
      <c r="L40" s="16"/>
      <c r="M40" s="118"/>
      <c r="N40" s="120" t="s">
        <v>882</v>
      </c>
      <c r="O40" s="119"/>
      <c r="P40" s="119"/>
      <c r="Q40" s="119"/>
      <c r="R40" s="119"/>
      <c r="S40" s="119"/>
      <c r="T40" s="119"/>
      <c r="U40" s="119"/>
      <c r="V40" s="119"/>
      <c r="W40" s="118"/>
    </row>
    <row r="41" spans="1:23" ht="57.6">
      <c r="A41" s="120">
        <v>38</v>
      </c>
      <c r="B41" s="120" t="s">
        <v>53</v>
      </c>
      <c r="C41" s="118" t="s">
        <v>180</v>
      </c>
      <c r="D41" s="118" t="s">
        <v>181</v>
      </c>
      <c r="E41" s="120" t="s">
        <v>182</v>
      </c>
      <c r="F41" s="118" t="s">
        <v>183</v>
      </c>
      <c r="G41" s="118" t="s">
        <v>184</v>
      </c>
      <c r="H41" s="120">
        <v>2021</v>
      </c>
      <c r="I41" s="118"/>
      <c r="J41" s="118" t="s">
        <v>43</v>
      </c>
      <c r="K41" s="120" t="s">
        <v>96</v>
      </c>
      <c r="L41" s="16" t="s">
        <v>96</v>
      </c>
      <c r="M41" s="118" t="s">
        <v>185</v>
      </c>
      <c r="N41" s="120" t="s">
        <v>882</v>
      </c>
      <c r="O41" s="119" t="s">
        <v>56</v>
      </c>
      <c r="P41" s="119" t="s">
        <v>56</v>
      </c>
      <c r="Q41" s="119" t="s">
        <v>56</v>
      </c>
      <c r="R41" s="119" t="s">
        <v>55</v>
      </c>
      <c r="S41" s="119" t="s">
        <v>56</v>
      </c>
      <c r="T41" s="119" t="s">
        <v>55</v>
      </c>
      <c r="U41" s="119" t="s">
        <v>55</v>
      </c>
      <c r="V41" s="119" t="s">
        <v>56</v>
      </c>
      <c r="W41" s="118"/>
    </row>
    <row r="42" spans="1:23" ht="43.2">
      <c r="A42" s="120">
        <v>39</v>
      </c>
      <c r="B42" s="120" t="s">
        <v>53</v>
      </c>
      <c r="C42" s="118" t="s">
        <v>186</v>
      </c>
      <c r="D42" s="118" t="s">
        <v>187</v>
      </c>
      <c r="E42" s="120" t="s">
        <v>188</v>
      </c>
      <c r="F42" s="118" t="s">
        <v>189</v>
      </c>
      <c r="G42" s="118" t="s">
        <v>190</v>
      </c>
      <c r="H42" s="120">
        <v>2013</v>
      </c>
      <c r="I42" s="118"/>
      <c r="J42" s="118" t="s">
        <v>47</v>
      </c>
      <c r="K42" s="120">
        <v>11</v>
      </c>
      <c r="L42" s="16">
        <v>7837</v>
      </c>
      <c r="M42" s="118" t="s">
        <v>191</v>
      </c>
      <c r="N42" s="120" t="s">
        <v>882</v>
      </c>
      <c r="O42" s="119" t="s">
        <v>56</v>
      </c>
      <c r="P42" s="119" t="s">
        <v>56</v>
      </c>
      <c r="Q42" s="119" t="s">
        <v>56</v>
      </c>
      <c r="R42" s="119" t="s">
        <v>55</v>
      </c>
      <c r="S42" s="119" t="s">
        <v>56</v>
      </c>
      <c r="T42" s="119" t="s">
        <v>55</v>
      </c>
      <c r="U42" s="119" t="s">
        <v>56</v>
      </c>
      <c r="V42" s="119" t="s">
        <v>56</v>
      </c>
      <c r="W42" s="118" t="s">
        <v>192</v>
      </c>
    </row>
    <row r="43" spans="1:23" ht="43.2">
      <c r="A43" s="120">
        <v>40</v>
      </c>
      <c r="B43" s="120" t="s">
        <v>53</v>
      </c>
      <c r="C43" s="118" t="s">
        <v>193</v>
      </c>
      <c r="D43" s="118" t="s">
        <v>194</v>
      </c>
      <c r="E43" s="120" t="s">
        <v>195</v>
      </c>
      <c r="F43" s="118" t="s">
        <v>196</v>
      </c>
      <c r="G43" s="118" t="s">
        <v>197</v>
      </c>
      <c r="H43" s="120">
        <v>1964</v>
      </c>
      <c r="I43" s="118"/>
      <c r="J43" s="118" t="s">
        <v>36</v>
      </c>
      <c r="K43" s="120" t="s">
        <v>69</v>
      </c>
      <c r="L43" s="16" t="s">
        <v>69</v>
      </c>
      <c r="M43" s="118" t="s">
        <v>198</v>
      </c>
      <c r="N43" s="120" t="s">
        <v>882</v>
      </c>
      <c r="O43" s="119" t="s">
        <v>55</v>
      </c>
      <c r="P43" s="119" t="s">
        <v>55</v>
      </c>
      <c r="Q43" s="119" t="s">
        <v>55</v>
      </c>
      <c r="R43" s="119" t="s">
        <v>55</v>
      </c>
      <c r="S43" s="119" t="s">
        <v>55</v>
      </c>
      <c r="T43" s="119" t="s">
        <v>55</v>
      </c>
      <c r="U43" s="119" t="s">
        <v>55</v>
      </c>
      <c r="V43" s="119" t="s">
        <v>56</v>
      </c>
      <c r="W43" s="118" t="s">
        <v>199</v>
      </c>
    </row>
    <row r="44" spans="1:23" ht="43.2">
      <c r="A44" s="120">
        <v>41</v>
      </c>
      <c r="B44" s="120" t="s">
        <v>53</v>
      </c>
      <c r="C44" s="118" t="s">
        <v>200</v>
      </c>
      <c r="D44" s="118" t="s">
        <v>201</v>
      </c>
      <c r="E44" s="120" t="s">
        <v>202</v>
      </c>
      <c r="F44" s="118" t="s">
        <v>203</v>
      </c>
      <c r="G44" s="118" t="s">
        <v>204</v>
      </c>
      <c r="H44" s="120">
        <v>1964</v>
      </c>
      <c r="I44" s="118"/>
      <c r="J44" s="118" t="s">
        <v>36</v>
      </c>
      <c r="K44" s="120" t="s">
        <v>69</v>
      </c>
      <c r="L44" s="16" t="s">
        <v>69</v>
      </c>
      <c r="M44" s="118" t="s">
        <v>205</v>
      </c>
      <c r="N44" s="120" t="s">
        <v>882</v>
      </c>
      <c r="O44" s="119" t="s">
        <v>55</v>
      </c>
      <c r="P44" s="119" t="s">
        <v>55</v>
      </c>
      <c r="Q44" s="119" t="s">
        <v>55</v>
      </c>
      <c r="R44" s="119" t="s">
        <v>55</v>
      </c>
      <c r="S44" s="119" t="s">
        <v>55</v>
      </c>
      <c r="T44" s="119" t="s">
        <v>55</v>
      </c>
      <c r="U44" s="119" t="s">
        <v>55</v>
      </c>
      <c r="V44" s="119" t="s">
        <v>56</v>
      </c>
      <c r="W44" s="118" t="s">
        <v>199</v>
      </c>
    </row>
    <row r="45" spans="1:23" ht="72">
      <c r="A45" s="120">
        <v>42</v>
      </c>
      <c r="B45" s="120" t="s">
        <v>53</v>
      </c>
      <c r="C45" s="118" t="s">
        <v>206</v>
      </c>
      <c r="D45" s="118" t="s">
        <v>207</v>
      </c>
      <c r="E45" s="120" t="s">
        <v>208</v>
      </c>
      <c r="F45" s="118" t="s">
        <v>209</v>
      </c>
      <c r="G45" s="118" t="s">
        <v>210</v>
      </c>
      <c r="H45" s="120">
        <v>2017</v>
      </c>
      <c r="I45" s="118"/>
      <c r="J45" s="118" t="s">
        <v>21</v>
      </c>
      <c r="K45" s="120">
        <v>1</v>
      </c>
      <c r="L45" s="16">
        <f>30.2*17.1</f>
        <v>516.42000000000007</v>
      </c>
      <c r="M45" s="118" t="s">
        <v>211</v>
      </c>
      <c r="N45" s="120" t="s">
        <v>882</v>
      </c>
      <c r="O45" s="119" t="s">
        <v>56</v>
      </c>
      <c r="P45" s="119" t="s">
        <v>56</v>
      </c>
      <c r="Q45" s="119" t="s">
        <v>56</v>
      </c>
      <c r="R45" s="119" t="s">
        <v>55</v>
      </c>
      <c r="S45" s="119" t="s">
        <v>56</v>
      </c>
      <c r="T45" s="119" t="s">
        <v>55</v>
      </c>
      <c r="U45" s="119" t="s">
        <v>56</v>
      </c>
      <c r="V45" s="119" t="s">
        <v>56</v>
      </c>
      <c r="W45" s="118" t="s">
        <v>796</v>
      </c>
    </row>
    <row r="46" spans="1:23" ht="43.2">
      <c r="A46" s="120">
        <v>43</v>
      </c>
      <c r="B46" s="95" t="s">
        <v>53</v>
      </c>
      <c r="C46" s="95" t="s">
        <v>700</v>
      </c>
      <c r="D46" s="107" t="s">
        <v>701</v>
      </c>
      <c r="E46" s="77" t="s">
        <v>702</v>
      </c>
      <c r="F46" s="78" t="s">
        <v>703</v>
      </c>
      <c r="G46" s="79" t="s">
        <v>704</v>
      </c>
      <c r="H46" s="95">
        <v>1990</v>
      </c>
      <c r="I46" s="107"/>
      <c r="J46" s="107" t="s">
        <v>38</v>
      </c>
      <c r="K46" s="2" t="s">
        <v>69</v>
      </c>
      <c r="L46" s="56">
        <v>72177.600000000006</v>
      </c>
      <c r="M46" s="118" t="s">
        <v>705</v>
      </c>
      <c r="N46" s="120" t="s">
        <v>882</v>
      </c>
      <c r="O46" s="119" t="s">
        <v>55</v>
      </c>
      <c r="P46" s="119" t="s">
        <v>55</v>
      </c>
      <c r="Q46" s="119" t="s">
        <v>56</v>
      </c>
      <c r="R46" s="119" t="s">
        <v>55</v>
      </c>
      <c r="S46" s="119" t="s">
        <v>56</v>
      </c>
      <c r="T46" s="119" t="s">
        <v>55</v>
      </c>
      <c r="U46" s="119" t="s">
        <v>56</v>
      </c>
      <c r="V46" s="119" t="s">
        <v>55</v>
      </c>
      <c r="W46" s="120" t="s">
        <v>706</v>
      </c>
    </row>
    <row r="47" spans="1:23" ht="57.6">
      <c r="A47" s="120">
        <v>44</v>
      </c>
      <c r="B47" s="95" t="s">
        <v>53</v>
      </c>
      <c r="C47" s="95" t="s">
        <v>700</v>
      </c>
      <c r="D47" s="107" t="s">
        <v>707</v>
      </c>
      <c r="E47" s="77" t="s">
        <v>708</v>
      </c>
      <c r="F47" s="78" t="s">
        <v>709</v>
      </c>
      <c r="G47" s="79" t="s">
        <v>710</v>
      </c>
      <c r="H47" s="95">
        <v>1993</v>
      </c>
      <c r="I47" s="107"/>
      <c r="J47" s="107" t="s">
        <v>38</v>
      </c>
      <c r="K47" s="2" t="s">
        <v>69</v>
      </c>
      <c r="L47" s="56">
        <v>160668.57999999999</v>
      </c>
      <c r="M47" s="107" t="s">
        <v>711</v>
      </c>
      <c r="N47" s="120" t="s">
        <v>882</v>
      </c>
      <c r="O47" s="119" t="s">
        <v>55</v>
      </c>
      <c r="P47" s="119" t="s">
        <v>55</v>
      </c>
      <c r="Q47" s="119" t="s">
        <v>56</v>
      </c>
      <c r="R47" s="119" t="s">
        <v>55</v>
      </c>
      <c r="S47" s="119" t="s">
        <v>55</v>
      </c>
      <c r="T47" s="119" t="s">
        <v>55</v>
      </c>
      <c r="U47" s="119" t="s">
        <v>56</v>
      </c>
      <c r="V47" s="119" t="s">
        <v>55</v>
      </c>
      <c r="W47" s="120" t="s">
        <v>706</v>
      </c>
    </row>
    <row r="48" spans="1:23" ht="28.8">
      <c r="A48" s="120">
        <v>45</v>
      </c>
      <c r="B48" s="120" t="s">
        <v>212</v>
      </c>
      <c r="C48" s="118" t="s">
        <v>213</v>
      </c>
      <c r="D48" s="118" t="s">
        <v>214</v>
      </c>
      <c r="E48" s="120" t="s">
        <v>215</v>
      </c>
      <c r="F48" s="118" t="s">
        <v>216</v>
      </c>
      <c r="G48" s="118" t="s">
        <v>217</v>
      </c>
      <c r="H48" s="120">
        <v>1979</v>
      </c>
      <c r="I48" s="118"/>
      <c r="J48" s="118" t="s">
        <v>47</v>
      </c>
      <c r="K48" s="120">
        <v>1</v>
      </c>
      <c r="L48" s="16">
        <v>380</v>
      </c>
      <c r="M48" s="118" t="s">
        <v>218</v>
      </c>
      <c r="N48" s="120" t="s">
        <v>882</v>
      </c>
      <c r="O48" s="119" t="s">
        <v>56</v>
      </c>
      <c r="P48" s="119" t="s">
        <v>55</v>
      </c>
      <c r="Q48" s="119" t="s">
        <v>55</v>
      </c>
      <c r="R48" s="119" t="s">
        <v>55</v>
      </c>
      <c r="S48" s="119" t="s">
        <v>56</v>
      </c>
      <c r="T48" s="119" t="s">
        <v>56</v>
      </c>
      <c r="U48" s="119" t="s">
        <v>56</v>
      </c>
      <c r="V48" s="119" t="s">
        <v>56</v>
      </c>
      <c r="W48" s="120"/>
    </row>
    <row r="49" spans="1:23" ht="28.8">
      <c r="A49" s="120">
        <v>46</v>
      </c>
      <c r="B49" s="118" t="s">
        <v>219</v>
      </c>
      <c r="C49" s="118" t="s">
        <v>220</v>
      </c>
      <c r="D49" s="118" t="s">
        <v>221</v>
      </c>
      <c r="E49" s="120" t="s">
        <v>222</v>
      </c>
      <c r="F49" s="118" t="s">
        <v>223</v>
      </c>
      <c r="G49" s="118" t="s">
        <v>224</v>
      </c>
      <c r="H49" s="120">
        <v>1989</v>
      </c>
      <c r="I49" s="118"/>
      <c r="J49" s="118" t="s">
        <v>29</v>
      </c>
      <c r="K49" s="120">
        <v>1</v>
      </c>
      <c r="L49" s="16">
        <v>224</v>
      </c>
      <c r="M49" s="118" t="s">
        <v>225</v>
      </c>
      <c r="N49" s="120" t="s">
        <v>882</v>
      </c>
      <c r="O49" s="119" t="s">
        <v>55</v>
      </c>
      <c r="P49" s="119" t="s">
        <v>55</v>
      </c>
      <c r="Q49" s="119" t="s">
        <v>55</v>
      </c>
      <c r="R49" s="119" t="s">
        <v>55</v>
      </c>
      <c r="S49" s="119" t="s">
        <v>55</v>
      </c>
      <c r="T49" s="119" t="s">
        <v>55</v>
      </c>
      <c r="U49" s="119" t="s">
        <v>56</v>
      </c>
      <c r="V49" s="119"/>
      <c r="W49" s="120"/>
    </row>
    <row r="50" spans="1:23" ht="28.8">
      <c r="A50" s="120">
        <v>47</v>
      </c>
      <c r="B50" s="118" t="s">
        <v>219</v>
      </c>
      <c r="C50" s="118" t="s">
        <v>220</v>
      </c>
      <c r="D50" s="118" t="s">
        <v>221</v>
      </c>
      <c r="E50" s="120" t="s">
        <v>222</v>
      </c>
      <c r="F50" s="118" t="s">
        <v>223</v>
      </c>
      <c r="G50" s="118" t="s">
        <v>224</v>
      </c>
      <c r="H50" s="120">
        <v>1989</v>
      </c>
      <c r="I50" s="118"/>
      <c r="J50" s="118" t="s">
        <v>226</v>
      </c>
      <c r="K50" s="120">
        <v>1</v>
      </c>
      <c r="L50" s="16"/>
      <c r="M50" s="118"/>
      <c r="N50" s="120" t="s">
        <v>882</v>
      </c>
      <c r="O50" s="119" t="s">
        <v>55</v>
      </c>
      <c r="P50" s="119" t="s">
        <v>55</v>
      </c>
      <c r="Q50" s="119" t="s">
        <v>55</v>
      </c>
      <c r="R50" s="119" t="s">
        <v>55</v>
      </c>
      <c r="S50" s="119" t="s">
        <v>55</v>
      </c>
      <c r="T50" s="119" t="s">
        <v>55</v>
      </c>
      <c r="U50" s="119" t="s">
        <v>56</v>
      </c>
      <c r="V50" s="119"/>
      <c r="W50" s="118" t="s">
        <v>227</v>
      </c>
    </row>
    <row r="51" spans="1:23" ht="28.8">
      <c r="A51" s="120">
        <v>48</v>
      </c>
      <c r="B51" s="120" t="s">
        <v>212</v>
      </c>
      <c r="C51" s="118" t="s">
        <v>228</v>
      </c>
      <c r="D51" s="118" t="s">
        <v>229</v>
      </c>
      <c r="E51" s="120" t="s">
        <v>230</v>
      </c>
      <c r="F51" s="118" t="s">
        <v>231</v>
      </c>
      <c r="G51" s="118" t="s">
        <v>232</v>
      </c>
      <c r="H51" s="120">
        <v>1977</v>
      </c>
      <c r="I51" s="118"/>
      <c r="J51" s="118" t="s">
        <v>22</v>
      </c>
      <c r="K51" s="120"/>
      <c r="L51" s="16">
        <v>189.8</v>
      </c>
      <c r="M51" s="118" t="s">
        <v>233</v>
      </c>
      <c r="N51" s="120" t="s">
        <v>882</v>
      </c>
      <c r="O51" s="119" t="s">
        <v>55</v>
      </c>
      <c r="P51" s="119" t="s">
        <v>56</v>
      </c>
      <c r="Q51" s="119" t="s">
        <v>55</v>
      </c>
      <c r="R51" s="119" t="s">
        <v>55</v>
      </c>
      <c r="S51" s="119" t="s">
        <v>55</v>
      </c>
      <c r="T51" s="119" t="s">
        <v>55</v>
      </c>
      <c r="U51" s="119" t="s">
        <v>56</v>
      </c>
      <c r="V51" s="119" t="s">
        <v>56</v>
      </c>
      <c r="W51" s="120"/>
    </row>
    <row r="52" spans="1:23" ht="28.8">
      <c r="A52" s="120">
        <v>49</v>
      </c>
      <c r="B52" s="120" t="s">
        <v>212</v>
      </c>
      <c r="C52" s="118" t="s">
        <v>234</v>
      </c>
      <c r="D52" s="118" t="s">
        <v>235</v>
      </c>
      <c r="E52" s="120" t="s">
        <v>236</v>
      </c>
      <c r="F52" s="118" t="s">
        <v>237</v>
      </c>
      <c r="G52" s="118" t="s">
        <v>238</v>
      </c>
      <c r="H52" s="120">
        <v>1983</v>
      </c>
      <c r="I52" s="118"/>
      <c r="J52" s="118" t="s">
        <v>47</v>
      </c>
      <c r="K52" s="120">
        <v>1</v>
      </c>
      <c r="L52" s="16">
        <v>1275</v>
      </c>
      <c r="M52" s="118" t="s">
        <v>239</v>
      </c>
      <c r="N52" s="120" t="s">
        <v>882</v>
      </c>
      <c r="O52" s="119" t="s">
        <v>56</v>
      </c>
      <c r="P52" s="119" t="s">
        <v>56</v>
      </c>
      <c r="Q52" s="119" t="s">
        <v>56</v>
      </c>
      <c r="R52" s="119" t="s">
        <v>55</v>
      </c>
      <c r="S52" s="119" t="s">
        <v>56</v>
      </c>
      <c r="T52" s="119" t="s">
        <v>56</v>
      </c>
      <c r="U52" s="119" t="s">
        <v>56</v>
      </c>
      <c r="V52" s="119" t="s">
        <v>55</v>
      </c>
      <c r="W52" s="120"/>
    </row>
    <row r="53" spans="1:23" ht="28.8">
      <c r="A53" s="120">
        <v>50</v>
      </c>
      <c r="B53" s="120" t="s">
        <v>212</v>
      </c>
      <c r="C53" s="118" t="s">
        <v>240</v>
      </c>
      <c r="D53" s="118" t="s">
        <v>241</v>
      </c>
      <c r="E53" s="120" t="s">
        <v>242</v>
      </c>
      <c r="F53" s="118" t="s">
        <v>243</v>
      </c>
      <c r="G53" s="118" t="s">
        <v>244</v>
      </c>
      <c r="H53" s="120">
        <v>1988</v>
      </c>
      <c r="I53" s="118"/>
      <c r="J53" s="118" t="s">
        <v>34</v>
      </c>
      <c r="K53" s="120" t="s">
        <v>96</v>
      </c>
      <c r="L53" s="16" t="s">
        <v>96</v>
      </c>
      <c r="M53" s="118" t="s">
        <v>245</v>
      </c>
      <c r="N53" s="120" t="s">
        <v>882</v>
      </c>
      <c r="O53" s="119" t="s">
        <v>55</v>
      </c>
      <c r="P53" s="119" t="s">
        <v>55</v>
      </c>
      <c r="Q53" s="119" t="s">
        <v>55</v>
      </c>
      <c r="R53" s="119" t="s">
        <v>56</v>
      </c>
      <c r="S53" s="119" t="s">
        <v>56</v>
      </c>
      <c r="T53" s="119" t="s">
        <v>56</v>
      </c>
      <c r="U53" s="119" t="s">
        <v>56</v>
      </c>
      <c r="V53" s="119" t="s">
        <v>56</v>
      </c>
      <c r="W53" s="120"/>
    </row>
    <row r="54" spans="1:23" ht="28.8">
      <c r="A54" s="120">
        <v>51</v>
      </c>
      <c r="B54" s="120" t="s">
        <v>212</v>
      </c>
      <c r="C54" s="118" t="s">
        <v>246</v>
      </c>
      <c r="D54" s="118" t="s">
        <v>247</v>
      </c>
      <c r="E54" s="120" t="s">
        <v>248</v>
      </c>
      <c r="F54" s="118" t="s">
        <v>249</v>
      </c>
      <c r="G54" s="118" t="s">
        <v>250</v>
      </c>
      <c r="H54" s="120">
        <v>1982</v>
      </c>
      <c r="I54" s="118"/>
      <c r="J54" s="118" t="s">
        <v>38</v>
      </c>
      <c r="K54" s="120">
        <v>1</v>
      </c>
      <c r="L54" s="16"/>
      <c r="M54" s="118"/>
      <c r="N54" s="120" t="s">
        <v>882</v>
      </c>
      <c r="O54" s="119" t="s">
        <v>55</v>
      </c>
      <c r="P54" s="119" t="s">
        <v>55</v>
      </c>
      <c r="Q54" s="119" t="s">
        <v>56</v>
      </c>
      <c r="R54" s="119" t="s">
        <v>56</v>
      </c>
      <c r="S54" s="119" t="s">
        <v>56</v>
      </c>
      <c r="T54" s="119" t="s">
        <v>56</v>
      </c>
      <c r="U54" s="119" t="s">
        <v>56</v>
      </c>
      <c r="V54" s="119" t="s">
        <v>56</v>
      </c>
      <c r="W54" s="120"/>
    </row>
    <row r="55" spans="1:23" ht="28.8">
      <c r="A55" s="120">
        <v>52</v>
      </c>
      <c r="B55" s="120" t="s">
        <v>212</v>
      </c>
      <c r="C55" s="118" t="s">
        <v>246</v>
      </c>
      <c r="D55" s="118" t="s">
        <v>251</v>
      </c>
      <c r="E55" s="120" t="s">
        <v>252</v>
      </c>
      <c r="F55" s="118" t="s">
        <v>253</v>
      </c>
      <c r="G55" s="118" t="s">
        <v>254</v>
      </c>
      <c r="H55" s="120">
        <v>1982</v>
      </c>
      <c r="I55" s="118"/>
      <c r="J55" s="118" t="s">
        <v>38</v>
      </c>
      <c r="K55" s="120">
        <v>1</v>
      </c>
      <c r="L55" s="16"/>
      <c r="M55" s="118"/>
      <c r="N55" s="120" t="s">
        <v>882</v>
      </c>
      <c r="O55" s="119" t="s">
        <v>55</v>
      </c>
      <c r="P55" s="119" t="s">
        <v>55</v>
      </c>
      <c r="Q55" s="119" t="s">
        <v>56</v>
      </c>
      <c r="R55" s="119" t="s">
        <v>56</v>
      </c>
      <c r="S55" s="119" t="s">
        <v>56</v>
      </c>
      <c r="T55" s="119" t="s">
        <v>56</v>
      </c>
      <c r="U55" s="119" t="s">
        <v>56</v>
      </c>
      <c r="V55" s="119" t="s">
        <v>56</v>
      </c>
      <c r="W55" s="118"/>
    </row>
    <row r="56" spans="1:23" ht="43.2">
      <c r="A56" s="120">
        <v>53</v>
      </c>
      <c r="B56" s="120" t="s">
        <v>212</v>
      </c>
      <c r="C56" s="118" t="s">
        <v>246</v>
      </c>
      <c r="D56" s="118" t="s">
        <v>255</v>
      </c>
      <c r="E56" s="120" t="s">
        <v>256</v>
      </c>
      <c r="F56" s="118" t="s">
        <v>257</v>
      </c>
      <c r="G56" s="118" t="s">
        <v>258</v>
      </c>
      <c r="H56" s="120">
        <v>1989</v>
      </c>
      <c r="I56" s="118"/>
      <c r="J56" s="118" t="s">
        <v>38</v>
      </c>
      <c r="K56" s="120">
        <v>1</v>
      </c>
      <c r="L56" s="16"/>
      <c r="M56" s="118"/>
      <c r="N56" s="120" t="s">
        <v>882</v>
      </c>
      <c r="O56" s="119" t="s">
        <v>55</v>
      </c>
      <c r="P56" s="119" t="s">
        <v>55</v>
      </c>
      <c r="Q56" s="119" t="s">
        <v>56</v>
      </c>
      <c r="R56" s="119" t="s">
        <v>56</v>
      </c>
      <c r="S56" s="119" t="s">
        <v>55</v>
      </c>
      <c r="T56" s="119" t="s">
        <v>56</v>
      </c>
      <c r="U56" s="119" t="s">
        <v>56</v>
      </c>
      <c r="V56" s="119" t="s">
        <v>56</v>
      </c>
      <c r="W56" s="120"/>
    </row>
    <row r="57" spans="1:23" ht="43.2">
      <c r="A57" s="120">
        <v>54</v>
      </c>
      <c r="B57" s="100" t="s">
        <v>212</v>
      </c>
      <c r="C57" s="101" t="s">
        <v>932</v>
      </c>
      <c r="D57" s="101" t="s">
        <v>998</v>
      </c>
      <c r="E57" s="100" t="s">
        <v>933</v>
      </c>
      <c r="F57" s="101" t="s">
        <v>934</v>
      </c>
      <c r="G57" s="101" t="s">
        <v>935</v>
      </c>
      <c r="H57" s="100"/>
      <c r="I57" s="101"/>
      <c r="J57" s="118" t="s">
        <v>47</v>
      </c>
      <c r="K57" s="100">
        <v>12</v>
      </c>
      <c r="L57" s="102">
        <v>1075.32</v>
      </c>
      <c r="M57" s="101"/>
      <c r="N57" s="100" t="s">
        <v>882</v>
      </c>
      <c r="O57" s="109" t="s">
        <v>56</v>
      </c>
      <c r="P57" s="109" t="s">
        <v>56</v>
      </c>
      <c r="Q57" s="109" t="s">
        <v>56</v>
      </c>
      <c r="R57" s="109" t="s">
        <v>56</v>
      </c>
      <c r="S57" s="109" t="s">
        <v>56</v>
      </c>
      <c r="T57" s="109" t="s">
        <v>56</v>
      </c>
      <c r="U57" s="109" t="s">
        <v>56</v>
      </c>
      <c r="V57" s="109" t="s">
        <v>56</v>
      </c>
      <c r="W57" s="100"/>
    </row>
    <row r="58" spans="1:23" ht="28.8">
      <c r="A58" s="120">
        <v>55</v>
      </c>
      <c r="B58" s="120" t="s">
        <v>212</v>
      </c>
      <c r="C58" s="118" t="s">
        <v>259</v>
      </c>
      <c r="D58" s="118" t="s">
        <v>260</v>
      </c>
      <c r="E58" s="120" t="s">
        <v>261</v>
      </c>
      <c r="F58" s="118" t="s">
        <v>262</v>
      </c>
      <c r="G58" s="118" t="s">
        <v>263</v>
      </c>
      <c r="H58" s="120">
        <v>1992</v>
      </c>
      <c r="I58" s="118"/>
      <c r="J58" s="118" t="s">
        <v>33</v>
      </c>
      <c r="K58" s="120" t="s">
        <v>264</v>
      </c>
      <c r="L58" s="16">
        <v>150</v>
      </c>
      <c r="M58" s="118" t="s">
        <v>265</v>
      </c>
      <c r="N58" s="120" t="s">
        <v>882</v>
      </c>
      <c r="O58" s="119" t="s">
        <v>55</v>
      </c>
      <c r="P58" s="119" t="s">
        <v>55</v>
      </c>
      <c r="Q58" s="119" t="s">
        <v>55</v>
      </c>
      <c r="R58" s="119" t="s">
        <v>55</v>
      </c>
      <c r="S58" s="119" t="s">
        <v>55</v>
      </c>
      <c r="T58" s="119" t="s">
        <v>55</v>
      </c>
      <c r="U58" s="119" t="s">
        <v>55</v>
      </c>
      <c r="V58" s="119" t="s">
        <v>55</v>
      </c>
      <c r="W58" s="120" t="s">
        <v>266</v>
      </c>
    </row>
    <row r="59" spans="1:23" ht="28.8">
      <c r="A59" s="120">
        <v>56</v>
      </c>
      <c r="B59" s="120" t="s">
        <v>212</v>
      </c>
      <c r="C59" s="118" t="s">
        <v>259</v>
      </c>
      <c r="D59" s="118" t="s">
        <v>260</v>
      </c>
      <c r="E59" s="120" t="s">
        <v>261</v>
      </c>
      <c r="F59" s="118" t="s">
        <v>262</v>
      </c>
      <c r="G59" s="118" t="s">
        <v>263</v>
      </c>
      <c r="H59" s="120">
        <v>1992</v>
      </c>
      <c r="I59" s="118"/>
      <c r="J59" s="118" t="s">
        <v>47</v>
      </c>
      <c r="K59" s="120">
        <v>1</v>
      </c>
      <c r="L59" s="16">
        <v>1869.91</v>
      </c>
      <c r="M59" s="118" t="s">
        <v>267</v>
      </c>
      <c r="N59" s="120" t="s">
        <v>882</v>
      </c>
      <c r="O59" s="119" t="s">
        <v>56</v>
      </c>
      <c r="P59" s="119" t="s">
        <v>55</v>
      </c>
      <c r="Q59" s="119" t="s">
        <v>55</v>
      </c>
      <c r="R59" s="119" t="s">
        <v>55</v>
      </c>
      <c r="S59" s="119" t="s">
        <v>55</v>
      </c>
      <c r="T59" s="119" t="s">
        <v>55</v>
      </c>
      <c r="U59" s="119" t="s">
        <v>55</v>
      </c>
      <c r="V59" s="119" t="s">
        <v>55</v>
      </c>
      <c r="W59" s="10" t="s">
        <v>266</v>
      </c>
    </row>
    <row r="60" spans="1:23" ht="28.8">
      <c r="A60" s="120">
        <v>57</v>
      </c>
      <c r="B60" s="120" t="s">
        <v>212</v>
      </c>
      <c r="C60" s="118" t="s">
        <v>259</v>
      </c>
      <c r="D60" s="118" t="s">
        <v>260</v>
      </c>
      <c r="E60" s="120" t="s">
        <v>261</v>
      </c>
      <c r="F60" s="118" t="s">
        <v>262</v>
      </c>
      <c r="G60" s="118" t="s">
        <v>263</v>
      </c>
      <c r="H60" s="120">
        <v>1992</v>
      </c>
      <c r="I60" s="118"/>
      <c r="J60" s="118" t="s">
        <v>47</v>
      </c>
      <c r="K60" s="120">
        <v>1</v>
      </c>
      <c r="L60" s="16">
        <v>175</v>
      </c>
      <c r="M60" s="118" t="s">
        <v>268</v>
      </c>
      <c r="N60" s="120" t="s">
        <v>882</v>
      </c>
      <c r="O60" s="119" t="s">
        <v>56</v>
      </c>
      <c r="P60" s="119" t="s">
        <v>55</v>
      </c>
      <c r="Q60" s="119" t="s">
        <v>55</v>
      </c>
      <c r="R60" s="119" t="s">
        <v>55</v>
      </c>
      <c r="S60" s="119" t="s">
        <v>55</v>
      </c>
      <c r="T60" s="119" t="s">
        <v>55</v>
      </c>
      <c r="U60" s="119" t="s">
        <v>55</v>
      </c>
      <c r="V60" s="119" t="s">
        <v>55</v>
      </c>
      <c r="W60" s="120" t="s">
        <v>266</v>
      </c>
    </row>
    <row r="61" spans="1:23" ht="28.8">
      <c r="A61" s="120">
        <v>58</v>
      </c>
      <c r="B61" s="120" t="s">
        <v>212</v>
      </c>
      <c r="C61" s="118" t="s">
        <v>259</v>
      </c>
      <c r="D61" s="118" t="s">
        <v>260</v>
      </c>
      <c r="E61" s="120" t="s">
        <v>261</v>
      </c>
      <c r="F61" s="118" t="s">
        <v>262</v>
      </c>
      <c r="G61" s="118" t="s">
        <v>263</v>
      </c>
      <c r="H61" s="120">
        <v>1992</v>
      </c>
      <c r="I61" s="118"/>
      <c r="J61" s="118" t="s">
        <v>47</v>
      </c>
      <c r="K61" s="120">
        <v>2</v>
      </c>
      <c r="L61" s="16">
        <v>224</v>
      </c>
      <c r="M61" s="118" t="s">
        <v>269</v>
      </c>
      <c r="N61" s="120" t="s">
        <v>882</v>
      </c>
      <c r="O61" s="119" t="s">
        <v>56</v>
      </c>
      <c r="P61" s="119" t="s">
        <v>55</v>
      </c>
      <c r="Q61" s="119" t="s">
        <v>55</v>
      </c>
      <c r="R61" s="119" t="s">
        <v>55</v>
      </c>
      <c r="S61" s="119" t="s">
        <v>55</v>
      </c>
      <c r="T61" s="119" t="s">
        <v>55</v>
      </c>
      <c r="U61" s="119" t="s">
        <v>55</v>
      </c>
      <c r="V61" s="119" t="s">
        <v>55</v>
      </c>
      <c r="W61" s="120" t="s">
        <v>266</v>
      </c>
    </row>
    <row r="62" spans="1:23" ht="72">
      <c r="A62" s="120">
        <v>59</v>
      </c>
      <c r="B62" s="120" t="s">
        <v>212</v>
      </c>
      <c r="C62" s="118" t="s">
        <v>270</v>
      </c>
      <c r="D62" s="118" t="s">
        <v>271</v>
      </c>
      <c r="E62" s="120" t="s">
        <v>272</v>
      </c>
      <c r="F62" s="118" t="s">
        <v>273</v>
      </c>
      <c r="G62" s="118" t="s">
        <v>274</v>
      </c>
      <c r="H62" s="120">
        <v>1978</v>
      </c>
      <c r="I62" s="118"/>
      <c r="J62" s="118" t="s">
        <v>47</v>
      </c>
      <c r="K62" s="120" t="s">
        <v>96</v>
      </c>
      <c r="L62" s="16" t="s">
        <v>96</v>
      </c>
      <c r="M62" s="118" t="s">
        <v>275</v>
      </c>
      <c r="N62" s="120" t="s">
        <v>882</v>
      </c>
      <c r="O62" s="119" t="s">
        <v>55</v>
      </c>
      <c r="P62" s="119" t="s">
        <v>56</v>
      </c>
      <c r="Q62" s="119" t="s">
        <v>56</v>
      </c>
      <c r="R62" s="119" t="s">
        <v>56</v>
      </c>
      <c r="S62" s="119" t="s">
        <v>56</v>
      </c>
      <c r="T62" s="119" t="s">
        <v>55</v>
      </c>
      <c r="U62" s="119" t="s">
        <v>56</v>
      </c>
      <c r="V62" s="119" t="s">
        <v>56</v>
      </c>
      <c r="W62" s="120"/>
    </row>
    <row r="63" spans="1:23" ht="43.2">
      <c r="A63" s="120">
        <v>60</v>
      </c>
      <c r="B63" s="120" t="s">
        <v>212</v>
      </c>
      <c r="C63" s="118" t="s">
        <v>270</v>
      </c>
      <c r="D63" s="118" t="s">
        <v>276</v>
      </c>
      <c r="E63" s="120" t="s">
        <v>277</v>
      </c>
      <c r="F63" s="118" t="s">
        <v>278</v>
      </c>
      <c r="G63" s="118" t="s">
        <v>279</v>
      </c>
      <c r="H63" s="120">
        <v>1996</v>
      </c>
      <c r="I63" s="118"/>
      <c r="J63" s="118" t="s">
        <v>47</v>
      </c>
      <c r="K63" s="120" t="s">
        <v>96</v>
      </c>
      <c r="L63" s="16" t="s">
        <v>96</v>
      </c>
      <c r="M63" s="118" t="s">
        <v>280</v>
      </c>
      <c r="N63" s="120" t="s">
        <v>882</v>
      </c>
      <c r="O63" s="119" t="s">
        <v>55</v>
      </c>
      <c r="P63" s="119" t="s">
        <v>56</v>
      </c>
      <c r="Q63" s="119" t="s">
        <v>56</v>
      </c>
      <c r="R63" s="119" t="s">
        <v>56</v>
      </c>
      <c r="S63" s="119" t="s">
        <v>56</v>
      </c>
      <c r="T63" s="119" t="s">
        <v>55</v>
      </c>
      <c r="U63" s="119" t="s">
        <v>56</v>
      </c>
      <c r="V63" s="119" t="s">
        <v>56</v>
      </c>
      <c r="W63" s="118"/>
    </row>
    <row r="64" spans="1:23" ht="28.8">
      <c r="A64" s="120">
        <v>61</v>
      </c>
      <c r="B64" s="120" t="s">
        <v>212</v>
      </c>
      <c r="C64" s="118" t="s">
        <v>270</v>
      </c>
      <c r="D64" s="118" t="s">
        <v>281</v>
      </c>
      <c r="E64" s="120" t="s">
        <v>282</v>
      </c>
      <c r="F64" s="118" t="s">
        <v>283</v>
      </c>
      <c r="G64" s="118" t="s">
        <v>284</v>
      </c>
      <c r="H64" s="120">
        <v>1983</v>
      </c>
      <c r="I64" s="118"/>
      <c r="J64" s="118" t="s">
        <v>47</v>
      </c>
      <c r="K64" s="120" t="s">
        <v>96</v>
      </c>
      <c r="L64" s="16" t="s">
        <v>96</v>
      </c>
      <c r="M64" s="118" t="s">
        <v>285</v>
      </c>
      <c r="N64" s="120" t="s">
        <v>882</v>
      </c>
      <c r="O64" s="119" t="s">
        <v>56</v>
      </c>
      <c r="P64" s="119" t="s">
        <v>56</v>
      </c>
      <c r="Q64" s="119" t="s">
        <v>56</v>
      </c>
      <c r="R64" s="119" t="s">
        <v>56</v>
      </c>
      <c r="S64" s="119" t="s">
        <v>56</v>
      </c>
      <c r="T64" s="119" t="s">
        <v>56</v>
      </c>
      <c r="U64" s="119" t="s">
        <v>56</v>
      </c>
      <c r="V64" s="119" t="s">
        <v>56</v>
      </c>
      <c r="W64" s="120"/>
    </row>
    <row r="65" spans="1:23" ht="28.8">
      <c r="A65" s="120">
        <v>62</v>
      </c>
      <c r="B65" s="100" t="s">
        <v>212</v>
      </c>
      <c r="C65" s="101" t="s">
        <v>286</v>
      </c>
      <c r="D65" s="101" t="s">
        <v>287</v>
      </c>
      <c r="E65" s="11" t="s">
        <v>288</v>
      </c>
      <c r="F65" s="11" t="s">
        <v>289</v>
      </c>
      <c r="G65" s="11" t="s">
        <v>290</v>
      </c>
      <c r="H65" s="100">
        <v>1991</v>
      </c>
      <c r="I65" s="101"/>
      <c r="J65" s="101" t="s">
        <v>38</v>
      </c>
      <c r="K65" s="100"/>
      <c r="L65" s="102"/>
      <c r="M65" s="101" t="s">
        <v>291</v>
      </c>
      <c r="N65" s="120" t="s">
        <v>882</v>
      </c>
      <c r="O65" s="109" t="s">
        <v>56</v>
      </c>
      <c r="P65" s="109" t="s">
        <v>56</v>
      </c>
      <c r="Q65" s="109" t="s">
        <v>56</v>
      </c>
      <c r="R65" s="109" t="s">
        <v>56</v>
      </c>
      <c r="S65" s="109" t="s">
        <v>56</v>
      </c>
      <c r="T65" s="109" t="s">
        <v>55</v>
      </c>
      <c r="U65" s="109" t="s">
        <v>56</v>
      </c>
      <c r="V65" s="109"/>
      <c r="W65" s="100"/>
    </row>
    <row r="66" spans="1:23" ht="28.8">
      <c r="A66" s="120">
        <v>63</v>
      </c>
      <c r="B66" s="100" t="s">
        <v>212</v>
      </c>
      <c r="C66" s="101" t="s">
        <v>286</v>
      </c>
      <c r="D66" s="11" t="s">
        <v>292</v>
      </c>
      <c r="E66" s="11" t="s">
        <v>293</v>
      </c>
      <c r="F66" s="11" t="s">
        <v>294</v>
      </c>
      <c r="G66" s="11" t="s">
        <v>295</v>
      </c>
      <c r="H66" s="12">
        <v>2009</v>
      </c>
      <c r="I66" s="12"/>
      <c r="J66" s="101" t="s">
        <v>47</v>
      </c>
      <c r="K66" s="100">
        <v>6</v>
      </c>
      <c r="L66" s="102"/>
      <c r="M66" s="101" t="s">
        <v>296</v>
      </c>
      <c r="N66" s="120" t="s">
        <v>882</v>
      </c>
      <c r="O66" s="109" t="s">
        <v>55</v>
      </c>
      <c r="P66" s="109" t="s">
        <v>55</v>
      </c>
      <c r="Q66" s="109" t="s">
        <v>55</v>
      </c>
      <c r="R66" s="109" t="s">
        <v>55</v>
      </c>
      <c r="S66" s="109" t="s">
        <v>56</v>
      </c>
      <c r="T66" s="109" t="s">
        <v>55</v>
      </c>
      <c r="U66" s="109" t="s">
        <v>55</v>
      </c>
      <c r="V66" s="109" t="s">
        <v>56</v>
      </c>
      <c r="W66" s="101"/>
    </row>
    <row r="67" spans="1:23" ht="28.8">
      <c r="A67" s="120">
        <v>64</v>
      </c>
      <c r="B67" s="100" t="s">
        <v>212</v>
      </c>
      <c r="C67" s="101" t="s">
        <v>286</v>
      </c>
      <c r="D67" s="11" t="s">
        <v>292</v>
      </c>
      <c r="E67" s="11" t="s">
        <v>293</v>
      </c>
      <c r="F67" s="11" t="s">
        <v>294</v>
      </c>
      <c r="G67" s="11" t="s">
        <v>295</v>
      </c>
      <c r="H67" s="100">
        <v>1988</v>
      </c>
      <c r="I67" s="101"/>
      <c r="J67" s="101" t="s">
        <v>44</v>
      </c>
      <c r="K67" s="100"/>
      <c r="L67" s="102"/>
      <c r="M67" s="101" t="s">
        <v>297</v>
      </c>
      <c r="N67" s="120" t="s">
        <v>882</v>
      </c>
      <c r="O67" s="109" t="s">
        <v>55</v>
      </c>
      <c r="P67" s="109" t="s">
        <v>55</v>
      </c>
      <c r="Q67" s="109" t="s">
        <v>55</v>
      </c>
      <c r="R67" s="109" t="s">
        <v>55</v>
      </c>
      <c r="S67" s="109" t="s">
        <v>56</v>
      </c>
      <c r="T67" s="109" t="s">
        <v>55</v>
      </c>
      <c r="U67" s="109" t="s">
        <v>55</v>
      </c>
      <c r="V67" s="109"/>
      <c r="W67" s="101" t="s">
        <v>298</v>
      </c>
    </row>
    <row r="68" spans="1:23" ht="28.8">
      <c r="A68" s="120">
        <v>65</v>
      </c>
      <c r="B68" s="120" t="s">
        <v>212</v>
      </c>
      <c r="C68" s="118" t="s">
        <v>286</v>
      </c>
      <c r="D68" s="118" t="s">
        <v>299</v>
      </c>
      <c r="E68" s="120" t="s">
        <v>300</v>
      </c>
      <c r="F68" s="118" t="s">
        <v>301</v>
      </c>
      <c r="G68" s="118" t="s">
        <v>302</v>
      </c>
      <c r="H68" s="120">
        <v>1926</v>
      </c>
      <c r="I68" s="118"/>
      <c r="J68" s="118" t="s">
        <v>21</v>
      </c>
      <c r="K68" s="120">
        <v>2</v>
      </c>
      <c r="L68" s="16">
        <v>554</v>
      </c>
      <c r="M68" s="118" t="s">
        <v>303</v>
      </c>
      <c r="N68" s="120" t="s">
        <v>882</v>
      </c>
      <c r="O68" s="119" t="s">
        <v>56</v>
      </c>
      <c r="P68" s="119" t="s">
        <v>56</v>
      </c>
      <c r="Q68" s="119" t="s">
        <v>56</v>
      </c>
      <c r="R68" s="119" t="s">
        <v>55</v>
      </c>
      <c r="S68" s="119" t="s">
        <v>56</v>
      </c>
      <c r="T68" s="119" t="s">
        <v>55</v>
      </c>
      <c r="U68" s="119" t="s">
        <v>55</v>
      </c>
      <c r="V68" s="119" t="s">
        <v>56</v>
      </c>
      <c r="W68" s="120" t="s">
        <v>304</v>
      </c>
    </row>
    <row r="69" spans="1:23" ht="28.8">
      <c r="A69" s="120">
        <v>66</v>
      </c>
      <c r="B69" s="120" t="s">
        <v>212</v>
      </c>
      <c r="C69" s="118" t="s">
        <v>286</v>
      </c>
      <c r="D69" s="118" t="s">
        <v>305</v>
      </c>
      <c r="E69" s="120" t="s">
        <v>306</v>
      </c>
      <c r="F69" s="118" t="s">
        <v>307</v>
      </c>
      <c r="G69" s="118" t="s">
        <v>308</v>
      </c>
      <c r="H69" s="120">
        <v>1977</v>
      </c>
      <c r="I69" s="118"/>
      <c r="J69" s="118" t="s">
        <v>21</v>
      </c>
      <c r="K69" s="120">
        <v>2</v>
      </c>
      <c r="L69" s="16">
        <v>220</v>
      </c>
      <c r="M69" s="118" t="s">
        <v>303</v>
      </c>
      <c r="N69" s="120" t="s">
        <v>882</v>
      </c>
      <c r="O69" s="119" t="s">
        <v>56</v>
      </c>
      <c r="P69" s="119" t="s">
        <v>55</v>
      </c>
      <c r="Q69" s="119" t="s">
        <v>55</v>
      </c>
      <c r="R69" s="119" t="s">
        <v>55</v>
      </c>
      <c r="S69" s="119" t="s">
        <v>56</v>
      </c>
      <c r="T69" s="119" t="s">
        <v>55</v>
      </c>
      <c r="U69" s="119" t="s">
        <v>56</v>
      </c>
      <c r="V69" s="119" t="s">
        <v>56</v>
      </c>
      <c r="W69" s="118" t="s">
        <v>309</v>
      </c>
    </row>
    <row r="70" spans="1:23" ht="28.8">
      <c r="A70" s="120">
        <v>67</v>
      </c>
      <c r="B70" s="120" t="s">
        <v>212</v>
      </c>
      <c r="C70" s="118" t="s">
        <v>310</v>
      </c>
      <c r="D70" s="118" t="s">
        <v>311</v>
      </c>
      <c r="E70" s="120" t="s">
        <v>248</v>
      </c>
      <c r="F70" s="118" t="s">
        <v>249</v>
      </c>
      <c r="G70" s="118" t="s">
        <v>312</v>
      </c>
      <c r="H70" s="120">
        <v>1948</v>
      </c>
      <c r="I70" s="118"/>
      <c r="J70" s="118" t="s">
        <v>23</v>
      </c>
      <c r="K70" s="120">
        <v>1</v>
      </c>
      <c r="L70" s="16">
        <v>3100</v>
      </c>
      <c r="M70" s="118" t="s">
        <v>313</v>
      </c>
      <c r="N70" s="120" t="s">
        <v>882</v>
      </c>
      <c r="O70" s="119" t="s">
        <v>56</v>
      </c>
      <c r="P70" s="119" t="s">
        <v>55</v>
      </c>
      <c r="Q70" s="119" t="s">
        <v>55</v>
      </c>
      <c r="R70" s="119" t="s">
        <v>55</v>
      </c>
      <c r="S70" s="119" t="s">
        <v>55</v>
      </c>
      <c r="T70" s="119" t="s">
        <v>55</v>
      </c>
      <c r="U70" s="119" t="s">
        <v>55</v>
      </c>
      <c r="V70" s="119"/>
      <c r="W70" s="120" t="s">
        <v>314</v>
      </c>
    </row>
    <row r="71" spans="1:23" ht="28.8">
      <c r="A71" s="120">
        <v>68</v>
      </c>
      <c r="B71" s="120" t="s">
        <v>212</v>
      </c>
      <c r="C71" s="118" t="s">
        <v>310</v>
      </c>
      <c r="D71" s="118" t="s">
        <v>315</v>
      </c>
      <c r="E71" s="120" t="s">
        <v>316</v>
      </c>
      <c r="F71" s="118" t="s">
        <v>317</v>
      </c>
      <c r="G71" s="118" t="s">
        <v>318</v>
      </c>
      <c r="H71" s="120">
        <v>2006</v>
      </c>
      <c r="I71" s="118"/>
      <c r="J71" s="118" t="s">
        <v>47</v>
      </c>
      <c r="K71" s="120">
        <v>1</v>
      </c>
      <c r="L71" s="16">
        <v>12000</v>
      </c>
      <c r="M71" s="118" t="s">
        <v>319</v>
      </c>
      <c r="N71" s="120" t="s">
        <v>882</v>
      </c>
      <c r="O71" s="119" t="s">
        <v>56</v>
      </c>
      <c r="P71" s="119" t="s">
        <v>55</v>
      </c>
      <c r="Q71" s="119" t="s">
        <v>55</v>
      </c>
      <c r="R71" s="119" t="s">
        <v>55</v>
      </c>
      <c r="S71" s="119" t="s">
        <v>56</v>
      </c>
      <c r="T71" s="119" t="s">
        <v>55</v>
      </c>
      <c r="U71" s="119" t="s">
        <v>55</v>
      </c>
      <c r="V71" s="119"/>
      <c r="W71" s="118" t="s">
        <v>320</v>
      </c>
    </row>
    <row r="72" spans="1:23" ht="28.8">
      <c r="A72" s="120">
        <v>69</v>
      </c>
      <c r="B72" s="120" t="s">
        <v>212</v>
      </c>
      <c r="C72" s="118" t="s">
        <v>321</v>
      </c>
      <c r="D72" s="118" t="s">
        <v>322</v>
      </c>
      <c r="E72" s="120" t="s">
        <v>323</v>
      </c>
      <c r="F72" s="118" t="s">
        <v>324</v>
      </c>
      <c r="G72" s="118" t="s">
        <v>325</v>
      </c>
      <c r="H72" s="120">
        <v>1982</v>
      </c>
      <c r="I72" s="118"/>
      <c r="J72" s="118" t="s">
        <v>29</v>
      </c>
      <c r="K72" s="120">
        <v>1</v>
      </c>
      <c r="L72" s="16">
        <v>134.69999999999999</v>
      </c>
      <c r="M72" s="118" t="s">
        <v>326</v>
      </c>
      <c r="N72" s="120" t="s">
        <v>882</v>
      </c>
      <c r="O72" s="119" t="s">
        <v>55</v>
      </c>
      <c r="P72" s="119" t="s">
        <v>56</v>
      </c>
      <c r="Q72" s="119" t="s">
        <v>55</v>
      </c>
      <c r="R72" s="119" t="s">
        <v>55</v>
      </c>
      <c r="S72" s="119" t="s">
        <v>56</v>
      </c>
      <c r="T72" s="119" t="s">
        <v>55</v>
      </c>
      <c r="U72" s="119" t="s">
        <v>56</v>
      </c>
      <c r="V72" s="119" t="s">
        <v>55</v>
      </c>
      <c r="W72" s="120"/>
    </row>
    <row r="73" spans="1:23" ht="43.2">
      <c r="A73" s="120">
        <v>70</v>
      </c>
      <c r="B73" s="118" t="s">
        <v>327</v>
      </c>
      <c r="C73" s="118" t="s">
        <v>328</v>
      </c>
      <c r="D73" s="118" t="s">
        <v>329</v>
      </c>
      <c r="E73" s="118" t="s">
        <v>330</v>
      </c>
      <c r="F73" s="118" t="s">
        <v>331</v>
      </c>
      <c r="G73" s="118" t="s">
        <v>332</v>
      </c>
      <c r="H73" s="118">
        <v>2006</v>
      </c>
      <c r="I73" s="118"/>
      <c r="J73" s="118" t="s">
        <v>29</v>
      </c>
      <c r="K73" s="14" t="s">
        <v>333</v>
      </c>
      <c r="L73" s="16">
        <v>91</v>
      </c>
      <c r="M73" s="13" t="s">
        <v>334</v>
      </c>
      <c r="N73" s="120" t="s">
        <v>882</v>
      </c>
      <c r="O73" s="14" t="s">
        <v>55</v>
      </c>
      <c r="P73" s="14" t="s">
        <v>55</v>
      </c>
      <c r="Q73" s="14" t="s">
        <v>55</v>
      </c>
      <c r="R73" s="14" t="s">
        <v>55</v>
      </c>
      <c r="S73" s="14" t="s">
        <v>55</v>
      </c>
      <c r="T73" s="14" t="s">
        <v>55</v>
      </c>
      <c r="U73" s="15" t="s">
        <v>55</v>
      </c>
      <c r="V73" s="15" t="s">
        <v>55</v>
      </c>
      <c r="W73" s="13" t="s">
        <v>335</v>
      </c>
    </row>
    <row r="74" spans="1:23" ht="43.2">
      <c r="A74" s="120">
        <v>71</v>
      </c>
      <c r="B74" s="50" t="s">
        <v>327</v>
      </c>
      <c r="C74" s="118" t="s">
        <v>336</v>
      </c>
      <c r="D74" s="118" t="s">
        <v>337</v>
      </c>
      <c r="E74" s="50" t="s">
        <v>338</v>
      </c>
      <c r="F74" s="52" t="s">
        <v>339</v>
      </c>
      <c r="G74" s="52" t="s">
        <v>340</v>
      </c>
      <c r="H74" s="50">
        <v>2017</v>
      </c>
      <c r="I74" s="52"/>
      <c r="J74" s="118" t="s">
        <v>47</v>
      </c>
      <c r="K74" s="120">
        <v>2</v>
      </c>
      <c r="L74" s="16">
        <v>274</v>
      </c>
      <c r="M74" s="118" t="s">
        <v>341</v>
      </c>
      <c r="N74" s="120" t="s">
        <v>882</v>
      </c>
      <c r="O74" s="119" t="s">
        <v>55</v>
      </c>
      <c r="P74" s="119" t="s">
        <v>55</v>
      </c>
      <c r="Q74" s="119" t="s">
        <v>55</v>
      </c>
      <c r="R74" s="119" t="s">
        <v>55</v>
      </c>
      <c r="S74" s="119" t="s">
        <v>55</v>
      </c>
      <c r="T74" s="119" t="s">
        <v>55</v>
      </c>
      <c r="U74" s="119" t="s">
        <v>55</v>
      </c>
      <c r="V74" s="119" t="s">
        <v>55</v>
      </c>
      <c r="W74" s="120"/>
    </row>
    <row r="75" spans="1:23" ht="28.8">
      <c r="A75" s="120">
        <v>72</v>
      </c>
      <c r="B75" s="120" t="s">
        <v>327</v>
      </c>
      <c r="C75" s="118" t="s">
        <v>342</v>
      </c>
      <c r="D75" s="118" t="s">
        <v>343</v>
      </c>
      <c r="E75" s="120" t="s">
        <v>344</v>
      </c>
      <c r="F75" s="118" t="s">
        <v>345</v>
      </c>
      <c r="G75" s="118" t="s">
        <v>346</v>
      </c>
      <c r="H75" s="120">
        <v>1995</v>
      </c>
      <c r="I75" s="118"/>
      <c r="J75" s="118" t="s">
        <v>47</v>
      </c>
      <c r="K75" s="120">
        <v>2</v>
      </c>
      <c r="L75" s="16">
        <v>286</v>
      </c>
      <c r="M75" s="118" t="s">
        <v>347</v>
      </c>
      <c r="N75" s="120" t="s">
        <v>882</v>
      </c>
      <c r="O75" s="119" t="s">
        <v>55</v>
      </c>
      <c r="P75" s="119" t="s">
        <v>55</v>
      </c>
      <c r="Q75" s="119" t="s">
        <v>55</v>
      </c>
      <c r="R75" s="119" t="s">
        <v>55</v>
      </c>
      <c r="S75" s="119" t="s">
        <v>55</v>
      </c>
      <c r="T75" s="119" t="s">
        <v>55</v>
      </c>
      <c r="U75" s="119" t="s">
        <v>55</v>
      </c>
      <c r="V75" s="119" t="s">
        <v>56</v>
      </c>
      <c r="W75" s="120" t="s">
        <v>348</v>
      </c>
    </row>
    <row r="76" spans="1:23" ht="28.8">
      <c r="A76" s="120">
        <v>73</v>
      </c>
      <c r="B76" s="120" t="s">
        <v>327</v>
      </c>
      <c r="C76" s="118" t="s">
        <v>342</v>
      </c>
      <c r="D76" s="118" t="s">
        <v>343</v>
      </c>
      <c r="E76" s="120" t="s">
        <v>344</v>
      </c>
      <c r="F76" s="118" t="s">
        <v>345</v>
      </c>
      <c r="G76" s="118" t="s">
        <v>346</v>
      </c>
      <c r="H76" s="120">
        <v>1995</v>
      </c>
      <c r="I76" s="118"/>
      <c r="J76" s="118" t="s">
        <v>47</v>
      </c>
      <c r="K76" s="120">
        <v>2</v>
      </c>
      <c r="L76" s="16">
        <v>150</v>
      </c>
      <c r="M76" s="118" t="s">
        <v>349</v>
      </c>
      <c r="N76" s="120" t="s">
        <v>882</v>
      </c>
      <c r="O76" s="119" t="s">
        <v>55</v>
      </c>
      <c r="P76" s="119" t="s">
        <v>55</v>
      </c>
      <c r="Q76" s="119" t="s">
        <v>55</v>
      </c>
      <c r="R76" s="119" t="s">
        <v>55</v>
      </c>
      <c r="S76" s="119" t="s">
        <v>55</v>
      </c>
      <c r="T76" s="119" t="s">
        <v>55</v>
      </c>
      <c r="U76" s="119" t="s">
        <v>55</v>
      </c>
      <c r="V76" s="119" t="s">
        <v>56</v>
      </c>
      <c r="W76" s="118" t="s">
        <v>350</v>
      </c>
    </row>
    <row r="77" spans="1:23" ht="28.8">
      <c r="A77" s="120">
        <v>74</v>
      </c>
      <c r="B77" s="120" t="s">
        <v>327</v>
      </c>
      <c r="C77" s="118" t="s">
        <v>342</v>
      </c>
      <c r="D77" s="118" t="s">
        <v>343</v>
      </c>
      <c r="E77" s="120" t="s">
        <v>344</v>
      </c>
      <c r="F77" s="118" t="s">
        <v>345</v>
      </c>
      <c r="G77" s="118" t="s">
        <v>346</v>
      </c>
      <c r="H77" s="120">
        <v>1995</v>
      </c>
      <c r="I77" s="118"/>
      <c r="J77" s="118" t="s">
        <v>47</v>
      </c>
      <c r="K77" s="120">
        <v>1</v>
      </c>
      <c r="L77" s="16">
        <v>117</v>
      </c>
      <c r="M77" s="118" t="s">
        <v>351</v>
      </c>
      <c r="N77" s="120" t="s">
        <v>882</v>
      </c>
      <c r="O77" s="119" t="s">
        <v>55</v>
      </c>
      <c r="P77" s="119" t="s">
        <v>56</v>
      </c>
      <c r="Q77" s="119" t="s">
        <v>56</v>
      </c>
      <c r="R77" s="119" t="s">
        <v>56</v>
      </c>
      <c r="S77" s="119" t="s">
        <v>56</v>
      </c>
      <c r="T77" s="119" t="s">
        <v>55</v>
      </c>
      <c r="U77" s="119" t="s">
        <v>55</v>
      </c>
      <c r="V77" s="119" t="s">
        <v>56</v>
      </c>
      <c r="W77" s="120" t="s">
        <v>352</v>
      </c>
    </row>
    <row r="78" spans="1:23" ht="28.8">
      <c r="A78" s="120">
        <v>75</v>
      </c>
      <c r="B78" s="120" t="s">
        <v>327</v>
      </c>
      <c r="C78" s="118" t="s">
        <v>353</v>
      </c>
      <c r="D78" s="118" t="s">
        <v>354</v>
      </c>
      <c r="E78" s="120" t="s">
        <v>355</v>
      </c>
      <c r="F78" s="118" t="s">
        <v>356</v>
      </c>
      <c r="G78" s="118" t="s">
        <v>357</v>
      </c>
      <c r="H78" s="120">
        <v>1997</v>
      </c>
      <c r="I78" s="118"/>
      <c r="J78" s="118" t="s">
        <v>226</v>
      </c>
      <c r="K78" s="120"/>
      <c r="L78" s="16">
        <v>512.38</v>
      </c>
      <c r="M78" s="118"/>
      <c r="N78" s="120" t="s">
        <v>882</v>
      </c>
      <c r="O78" s="119" t="s">
        <v>55</v>
      </c>
      <c r="P78" s="119" t="s">
        <v>55</v>
      </c>
      <c r="Q78" s="119" t="s">
        <v>55</v>
      </c>
      <c r="R78" s="119" t="s">
        <v>55</v>
      </c>
      <c r="S78" s="119" t="s">
        <v>55</v>
      </c>
      <c r="T78" s="119" t="s">
        <v>55</v>
      </c>
      <c r="U78" s="119" t="s">
        <v>55</v>
      </c>
      <c r="V78" s="109" t="s">
        <v>55</v>
      </c>
      <c r="W78" s="120"/>
    </row>
    <row r="79" spans="1:23" ht="43.2">
      <c r="A79" s="120">
        <v>76</v>
      </c>
      <c r="B79" s="120" t="s">
        <v>327</v>
      </c>
      <c r="C79" s="118" t="s">
        <v>353</v>
      </c>
      <c r="D79" s="118" t="s">
        <v>354</v>
      </c>
      <c r="E79" s="120" t="s">
        <v>355</v>
      </c>
      <c r="F79" s="118" t="s">
        <v>356</v>
      </c>
      <c r="G79" s="118" t="s">
        <v>357</v>
      </c>
      <c r="H79" s="120">
        <v>1997</v>
      </c>
      <c r="I79" s="118"/>
      <c r="J79" s="118" t="s">
        <v>47</v>
      </c>
      <c r="K79" s="120"/>
      <c r="L79" s="16">
        <v>60.84</v>
      </c>
      <c r="M79" s="118" t="s">
        <v>358</v>
      </c>
      <c r="N79" s="120" t="s">
        <v>882</v>
      </c>
      <c r="O79" s="119" t="s">
        <v>55</v>
      </c>
      <c r="P79" s="119" t="s">
        <v>55</v>
      </c>
      <c r="Q79" s="119" t="s">
        <v>55</v>
      </c>
      <c r="R79" s="119" t="s">
        <v>55</v>
      </c>
      <c r="S79" s="119" t="s">
        <v>55</v>
      </c>
      <c r="T79" s="119" t="s">
        <v>55</v>
      </c>
      <c r="U79" s="119" t="s">
        <v>55</v>
      </c>
      <c r="V79" s="109" t="s">
        <v>55</v>
      </c>
      <c r="W79" s="118" t="s">
        <v>359</v>
      </c>
    </row>
    <row r="80" spans="1:23" ht="28.8">
      <c r="A80" s="120">
        <v>77</v>
      </c>
      <c r="B80" s="120" t="s">
        <v>327</v>
      </c>
      <c r="C80" s="118" t="s">
        <v>353</v>
      </c>
      <c r="D80" s="118" t="s">
        <v>354</v>
      </c>
      <c r="E80" s="120" t="s">
        <v>355</v>
      </c>
      <c r="F80" s="118" t="s">
        <v>356</v>
      </c>
      <c r="G80" s="118" t="s">
        <v>357</v>
      </c>
      <c r="H80" s="120">
        <v>1997</v>
      </c>
      <c r="I80" s="118"/>
      <c r="J80" s="118" t="s">
        <v>47</v>
      </c>
      <c r="K80" s="120"/>
      <c r="L80" s="16">
        <v>50.41</v>
      </c>
      <c r="M80" s="118"/>
      <c r="N80" s="120" t="s">
        <v>882</v>
      </c>
      <c r="O80" s="119" t="s">
        <v>55</v>
      </c>
      <c r="P80" s="119" t="s">
        <v>55</v>
      </c>
      <c r="Q80" s="119" t="s">
        <v>55</v>
      </c>
      <c r="R80" s="119" t="s">
        <v>55</v>
      </c>
      <c r="S80" s="119" t="s">
        <v>55</v>
      </c>
      <c r="T80" s="119" t="s">
        <v>55</v>
      </c>
      <c r="U80" s="119" t="s">
        <v>55</v>
      </c>
      <c r="V80" s="109" t="s">
        <v>56</v>
      </c>
      <c r="W80" s="120" t="s">
        <v>360</v>
      </c>
    </row>
    <row r="81" spans="1:23">
      <c r="A81" s="120">
        <v>78</v>
      </c>
      <c r="B81" s="120" t="s">
        <v>327</v>
      </c>
      <c r="C81" s="118" t="s">
        <v>361</v>
      </c>
      <c r="D81" s="118" t="s">
        <v>362</v>
      </c>
      <c r="E81" s="118" t="s">
        <v>363</v>
      </c>
      <c r="F81" s="118" t="s">
        <v>364</v>
      </c>
      <c r="G81" s="118" t="s">
        <v>365</v>
      </c>
      <c r="H81" s="118">
        <v>2006</v>
      </c>
      <c r="I81" s="118"/>
      <c r="J81" s="118" t="s">
        <v>47</v>
      </c>
      <c r="K81" s="51" t="s">
        <v>366</v>
      </c>
      <c r="L81" s="16">
        <v>74</v>
      </c>
      <c r="M81" s="118" t="s">
        <v>367</v>
      </c>
      <c r="N81" s="120" t="s">
        <v>882</v>
      </c>
      <c r="O81" s="119" t="s">
        <v>55</v>
      </c>
      <c r="P81" s="119" t="s">
        <v>55</v>
      </c>
      <c r="Q81" s="119" t="s">
        <v>55</v>
      </c>
      <c r="R81" s="119" t="s">
        <v>55</v>
      </c>
      <c r="S81" s="119" t="s">
        <v>55</v>
      </c>
      <c r="T81" s="119" t="s">
        <v>55</v>
      </c>
      <c r="U81" s="119" t="s">
        <v>55</v>
      </c>
      <c r="V81" s="119" t="s">
        <v>56</v>
      </c>
      <c r="W81" s="118" t="s">
        <v>368</v>
      </c>
    </row>
    <row r="82" spans="1:23">
      <c r="A82" s="120">
        <v>79</v>
      </c>
      <c r="B82" s="120" t="s">
        <v>327</v>
      </c>
      <c r="C82" s="118" t="s">
        <v>361</v>
      </c>
      <c r="D82" s="118" t="s">
        <v>362</v>
      </c>
      <c r="E82" s="118" t="s">
        <v>363</v>
      </c>
      <c r="F82" s="118" t="s">
        <v>364</v>
      </c>
      <c r="G82" s="118" t="s">
        <v>365</v>
      </c>
      <c r="H82" s="118">
        <v>2006</v>
      </c>
      <c r="I82" s="118"/>
      <c r="J82" s="118" t="s">
        <v>47</v>
      </c>
      <c r="K82" s="51" t="s">
        <v>366</v>
      </c>
      <c r="L82" s="16">
        <v>74</v>
      </c>
      <c r="M82" s="118" t="s">
        <v>367</v>
      </c>
      <c r="N82" s="120" t="s">
        <v>882</v>
      </c>
      <c r="O82" s="119" t="s">
        <v>55</v>
      </c>
      <c r="P82" s="119" t="s">
        <v>55</v>
      </c>
      <c r="Q82" s="119" t="s">
        <v>55</v>
      </c>
      <c r="R82" s="119" t="s">
        <v>55</v>
      </c>
      <c r="S82" s="119" t="s">
        <v>55</v>
      </c>
      <c r="T82" s="119" t="s">
        <v>55</v>
      </c>
      <c r="U82" s="119" t="s">
        <v>55</v>
      </c>
      <c r="V82" s="119" t="s">
        <v>56</v>
      </c>
      <c r="W82" s="118" t="s">
        <v>369</v>
      </c>
    </row>
    <row r="83" spans="1:23" ht="28.8">
      <c r="A83" s="120">
        <v>80</v>
      </c>
      <c r="B83" s="120" t="s">
        <v>327</v>
      </c>
      <c r="C83" s="118" t="s">
        <v>370</v>
      </c>
      <c r="D83" s="118" t="s">
        <v>371</v>
      </c>
      <c r="E83" s="120" t="s">
        <v>372</v>
      </c>
      <c r="F83" s="118" t="s">
        <v>373</v>
      </c>
      <c r="G83" s="118" t="s">
        <v>374</v>
      </c>
      <c r="H83" s="120">
        <v>2011</v>
      </c>
      <c r="I83" s="118"/>
      <c r="J83" s="118" t="s">
        <v>47</v>
      </c>
      <c r="K83" s="120">
        <v>1</v>
      </c>
      <c r="L83" s="16">
        <v>62</v>
      </c>
      <c r="M83" s="118" t="s">
        <v>367</v>
      </c>
      <c r="N83" s="120" t="s">
        <v>882</v>
      </c>
      <c r="O83" s="119" t="s">
        <v>55</v>
      </c>
      <c r="P83" s="119" t="s">
        <v>55</v>
      </c>
      <c r="Q83" s="119" t="s">
        <v>55</v>
      </c>
      <c r="R83" s="119" t="s">
        <v>55</v>
      </c>
      <c r="S83" s="119" t="s">
        <v>55</v>
      </c>
      <c r="T83" s="119" t="s">
        <v>55</v>
      </c>
      <c r="U83" s="119" t="s">
        <v>55</v>
      </c>
      <c r="V83" s="119" t="s">
        <v>55</v>
      </c>
      <c r="W83" s="120" t="s">
        <v>375</v>
      </c>
    </row>
    <row r="84" spans="1:23" ht="28.8">
      <c r="A84" s="120">
        <v>81</v>
      </c>
      <c r="B84" s="120" t="s">
        <v>376</v>
      </c>
      <c r="C84" s="118" t="s">
        <v>377</v>
      </c>
      <c r="D84" s="118" t="s">
        <v>378</v>
      </c>
      <c r="E84" s="120" t="s">
        <v>379</v>
      </c>
      <c r="F84" s="118" t="s">
        <v>380</v>
      </c>
      <c r="G84" s="118" t="s">
        <v>381</v>
      </c>
      <c r="H84" s="120">
        <v>1980</v>
      </c>
      <c r="I84" s="118"/>
      <c r="J84" s="118" t="s">
        <v>47</v>
      </c>
      <c r="K84" s="119" t="s">
        <v>333</v>
      </c>
      <c r="L84" s="16">
        <v>127</v>
      </c>
      <c r="M84" s="118" t="s">
        <v>382</v>
      </c>
      <c r="N84" s="120" t="s">
        <v>882</v>
      </c>
      <c r="O84" s="119" t="s">
        <v>55</v>
      </c>
      <c r="P84" s="119" t="s">
        <v>55</v>
      </c>
      <c r="Q84" s="119" t="s">
        <v>55</v>
      </c>
      <c r="R84" s="119" t="s">
        <v>55</v>
      </c>
      <c r="S84" s="119" t="s">
        <v>55</v>
      </c>
      <c r="T84" s="119" t="s">
        <v>55</v>
      </c>
      <c r="U84" s="119" t="s">
        <v>56</v>
      </c>
      <c r="V84" s="119" t="s">
        <v>56</v>
      </c>
      <c r="W84" s="10"/>
    </row>
    <row r="85" spans="1:23" ht="28.8">
      <c r="A85" s="120">
        <v>82</v>
      </c>
      <c r="B85" s="120" t="s">
        <v>327</v>
      </c>
      <c r="C85" s="118" t="s">
        <v>383</v>
      </c>
      <c r="D85" s="118" t="s">
        <v>384</v>
      </c>
      <c r="E85" s="120" t="s">
        <v>385</v>
      </c>
      <c r="F85" s="118" t="s">
        <v>386</v>
      </c>
      <c r="G85" s="118" t="s">
        <v>387</v>
      </c>
      <c r="H85" s="120">
        <v>1992</v>
      </c>
      <c r="I85" s="118"/>
      <c r="J85" s="118" t="s">
        <v>47</v>
      </c>
      <c r="K85" s="120">
        <v>4</v>
      </c>
      <c r="L85" s="16">
        <v>1383.88</v>
      </c>
      <c r="M85" s="118" t="s">
        <v>296</v>
      </c>
      <c r="N85" s="120" t="s">
        <v>882</v>
      </c>
      <c r="O85" s="119" t="s">
        <v>56</v>
      </c>
      <c r="P85" s="119" t="s">
        <v>55</v>
      </c>
      <c r="Q85" s="119" t="s">
        <v>56</v>
      </c>
      <c r="R85" s="119" t="s">
        <v>56</v>
      </c>
      <c r="S85" s="119" t="s">
        <v>56</v>
      </c>
      <c r="T85" s="119" t="s">
        <v>55</v>
      </c>
      <c r="U85" s="119" t="s">
        <v>56</v>
      </c>
      <c r="V85" s="119" t="s">
        <v>56</v>
      </c>
      <c r="W85" s="120"/>
    </row>
    <row r="86" spans="1:23" ht="28.8">
      <c r="A86" s="120">
        <v>83</v>
      </c>
      <c r="B86" s="120" t="s">
        <v>327</v>
      </c>
      <c r="C86" s="118" t="s">
        <v>388</v>
      </c>
      <c r="D86" s="118" t="s">
        <v>389</v>
      </c>
      <c r="E86" s="120" t="s">
        <v>390</v>
      </c>
      <c r="F86" s="118" t="s">
        <v>391</v>
      </c>
      <c r="G86" s="118" t="s">
        <v>392</v>
      </c>
      <c r="H86" s="120">
        <v>1990</v>
      </c>
      <c r="I86" s="118"/>
      <c r="J86" s="118" t="s">
        <v>29</v>
      </c>
      <c r="K86" s="120">
        <v>1</v>
      </c>
      <c r="L86" s="16">
        <v>129</v>
      </c>
      <c r="M86" s="118" t="s">
        <v>393</v>
      </c>
      <c r="N86" s="120" t="s">
        <v>882</v>
      </c>
      <c r="O86" s="119" t="s">
        <v>55</v>
      </c>
      <c r="P86" s="119" t="s">
        <v>55</v>
      </c>
      <c r="Q86" s="119" t="s">
        <v>55</v>
      </c>
      <c r="R86" s="119" t="s">
        <v>55</v>
      </c>
      <c r="S86" s="119" t="s">
        <v>55</v>
      </c>
      <c r="T86" s="119" t="s">
        <v>55</v>
      </c>
      <c r="U86" s="119" t="s">
        <v>55</v>
      </c>
      <c r="V86" s="119" t="s">
        <v>56</v>
      </c>
      <c r="W86" s="120"/>
    </row>
    <row r="87" spans="1:23" ht="28.8">
      <c r="A87" s="120">
        <v>84</v>
      </c>
      <c r="B87" s="120" t="s">
        <v>394</v>
      </c>
      <c r="C87" s="118" t="s">
        <v>395</v>
      </c>
      <c r="D87" s="118" t="s">
        <v>396</v>
      </c>
      <c r="E87" s="120"/>
      <c r="F87" s="118" t="s">
        <v>397</v>
      </c>
      <c r="G87" s="118" t="s">
        <v>398</v>
      </c>
      <c r="H87" s="120">
        <v>2001</v>
      </c>
      <c r="I87" s="118"/>
      <c r="J87" s="118" t="s">
        <v>47</v>
      </c>
      <c r="K87" s="120"/>
      <c r="L87" s="16">
        <v>16000</v>
      </c>
      <c r="M87" s="118" t="s">
        <v>399</v>
      </c>
      <c r="N87" s="120" t="s">
        <v>882</v>
      </c>
      <c r="O87" s="119" t="s">
        <v>55</v>
      </c>
      <c r="P87" s="119" t="s">
        <v>56</v>
      </c>
      <c r="Q87" s="119" t="s">
        <v>55</v>
      </c>
      <c r="R87" s="119" t="s">
        <v>56</v>
      </c>
      <c r="S87" s="119" t="s">
        <v>56</v>
      </c>
      <c r="T87" s="119" t="s">
        <v>56</v>
      </c>
      <c r="U87" s="119" t="s">
        <v>56</v>
      </c>
      <c r="V87" s="119" t="s">
        <v>56</v>
      </c>
      <c r="W87" s="120"/>
    </row>
    <row r="88" spans="1:23" ht="28.8">
      <c r="A88" s="120">
        <v>85</v>
      </c>
      <c r="B88" s="120" t="s">
        <v>327</v>
      </c>
      <c r="C88" s="118" t="s">
        <v>400</v>
      </c>
      <c r="D88" s="118" t="s">
        <v>401</v>
      </c>
      <c r="E88" s="120"/>
      <c r="F88" s="118" t="s">
        <v>402</v>
      </c>
      <c r="G88" s="118" t="s">
        <v>403</v>
      </c>
      <c r="H88" s="120">
        <v>2008</v>
      </c>
      <c r="I88" s="118"/>
      <c r="J88" s="118" t="s">
        <v>47</v>
      </c>
      <c r="K88" s="101" t="s">
        <v>404</v>
      </c>
      <c r="L88" s="16"/>
      <c r="M88" s="118"/>
      <c r="N88" s="120" t="s">
        <v>882</v>
      </c>
      <c r="O88" s="119" t="s">
        <v>56</v>
      </c>
      <c r="P88" s="119" t="s">
        <v>56</v>
      </c>
      <c r="Q88" s="119" t="s">
        <v>56</v>
      </c>
      <c r="R88" s="119" t="s">
        <v>56</v>
      </c>
      <c r="S88" s="119" t="s">
        <v>56</v>
      </c>
      <c r="T88" s="119" t="s">
        <v>56</v>
      </c>
      <c r="U88" s="119" t="s">
        <v>56</v>
      </c>
      <c r="V88" s="119" t="s">
        <v>56</v>
      </c>
      <c r="W88" s="118"/>
    </row>
    <row r="89" spans="1:23" ht="28.8">
      <c r="A89" s="120">
        <v>86</v>
      </c>
      <c r="B89" s="120" t="s">
        <v>327</v>
      </c>
      <c r="C89" s="118" t="s">
        <v>400</v>
      </c>
      <c r="D89" s="118" t="s">
        <v>406</v>
      </c>
      <c r="E89" s="120"/>
      <c r="F89" s="118" t="s">
        <v>407</v>
      </c>
      <c r="G89" s="118" t="s">
        <v>403</v>
      </c>
      <c r="H89" s="120">
        <v>2009</v>
      </c>
      <c r="I89" s="118"/>
      <c r="J89" s="118" t="s">
        <v>47</v>
      </c>
      <c r="K89" s="101" t="s">
        <v>408</v>
      </c>
      <c r="L89" s="101"/>
      <c r="M89" s="118"/>
      <c r="N89" s="120" t="s">
        <v>882</v>
      </c>
      <c r="O89" s="119" t="s">
        <v>56</v>
      </c>
      <c r="P89" s="119" t="s">
        <v>56</v>
      </c>
      <c r="Q89" s="119" t="s">
        <v>56</v>
      </c>
      <c r="R89" s="119" t="s">
        <v>56</v>
      </c>
      <c r="S89" s="119" t="s">
        <v>56</v>
      </c>
      <c r="T89" s="119" t="s">
        <v>56</v>
      </c>
      <c r="U89" s="119" t="s">
        <v>56</v>
      </c>
      <c r="V89" s="119" t="s">
        <v>56</v>
      </c>
      <c r="W89" s="120"/>
    </row>
    <row r="90" spans="1:23" ht="28.8">
      <c r="A90" s="120">
        <v>87</v>
      </c>
      <c r="B90" s="120" t="s">
        <v>327</v>
      </c>
      <c r="C90" s="118" t="s">
        <v>400</v>
      </c>
      <c r="D90" s="118" t="s">
        <v>409</v>
      </c>
      <c r="E90" s="120"/>
      <c r="F90" s="118" t="s">
        <v>410</v>
      </c>
      <c r="G90" s="118" t="s">
        <v>403</v>
      </c>
      <c r="H90" s="120">
        <v>2010</v>
      </c>
      <c r="I90" s="118"/>
      <c r="J90" s="118" t="s">
        <v>47</v>
      </c>
      <c r="K90" s="101" t="s">
        <v>411</v>
      </c>
      <c r="L90" s="101"/>
      <c r="M90" s="118"/>
      <c r="N90" s="120" t="s">
        <v>882</v>
      </c>
      <c r="O90" s="119" t="s">
        <v>56</v>
      </c>
      <c r="P90" s="119" t="s">
        <v>56</v>
      </c>
      <c r="Q90" s="119" t="s">
        <v>56</v>
      </c>
      <c r="R90" s="119" t="s">
        <v>56</v>
      </c>
      <c r="S90" s="119" t="s">
        <v>56</v>
      </c>
      <c r="T90" s="119" t="s">
        <v>56</v>
      </c>
      <c r="U90" s="119" t="s">
        <v>56</v>
      </c>
      <c r="V90" s="119" t="s">
        <v>56</v>
      </c>
      <c r="W90" s="120"/>
    </row>
    <row r="91" spans="1:23" ht="28.8">
      <c r="A91" s="120">
        <v>88</v>
      </c>
      <c r="B91" s="120" t="s">
        <v>327</v>
      </c>
      <c r="C91" s="118" t="s">
        <v>400</v>
      </c>
      <c r="D91" s="118" t="s">
        <v>412</v>
      </c>
      <c r="E91" s="120"/>
      <c r="F91" s="118" t="s">
        <v>413</v>
      </c>
      <c r="G91" s="118" t="s">
        <v>403</v>
      </c>
      <c r="H91" s="120">
        <v>2015</v>
      </c>
      <c r="I91" s="118"/>
      <c r="J91" s="118" t="s">
        <v>47</v>
      </c>
      <c r="K91" s="80" t="s">
        <v>414</v>
      </c>
      <c r="L91" s="80"/>
      <c r="M91" s="118"/>
      <c r="N91" s="120" t="s">
        <v>882</v>
      </c>
      <c r="O91" s="119" t="s">
        <v>56</v>
      </c>
      <c r="P91" s="119" t="s">
        <v>56</v>
      </c>
      <c r="Q91" s="119" t="s">
        <v>56</v>
      </c>
      <c r="R91" s="119" t="s">
        <v>56</v>
      </c>
      <c r="S91" s="119" t="s">
        <v>56</v>
      </c>
      <c r="T91" s="119" t="s">
        <v>56</v>
      </c>
      <c r="U91" s="119" t="s">
        <v>56</v>
      </c>
      <c r="V91" s="119" t="s">
        <v>56</v>
      </c>
      <c r="W91" s="120"/>
    </row>
    <row r="92" spans="1:23" ht="57.6">
      <c r="A92" s="120">
        <v>89</v>
      </c>
      <c r="B92" s="120" t="s">
        <v>394</v>
      </c>
      <c r="C92" s="118" t="s">
        <v>415</v>
      </c>
      <c r="D92" s="118" t="s">
        <v>864</v>
      </c>
      <c r="E92" s="120"/>
      <c r="F92" s="118" t="s">
        <v>416</v>
      </c>
      <c r="G92" s="118" t="s">
        <v>417</v>
      </c>
      <c r="H92" s="120">
        <v>1974</v>
      </c>
      <c r="I92" s="118"/>
      <c r="J92" s="118" t="s">
        <v>418</v>
      </c>
      <c r="K92" s="120">
        <v>1</v>
      </c>
      <c r="L92" s="19" t="s">
        <v>419</v>
      </c>
      <c r="M92" s="118">
        <v>0</v>
      </c>
      <c r="N92" s="120" t="s">
        <v>882</v>
      </c>
      <c r="O92" s="119" t="s">
        <v>56</v>
      </c>
      <c r="P92" s="119" t="s">
        <v>56</v>
      </c>
      <c r="Q92" s="119" t="s">
        <v>56</v>
      </c>
      <c r="R92" s="119" t="s">
        <v>56</v>
      </c>
      <c r="S92" s="119" t="s">
        <v>56</v>
      </c>
      <c r="T92" s="119" t="s">
        <v>56</v>
      </c>
      <c r="U92" s="119" t="s">
        <v>56</v>
      </c>
      <c r="V92" s="119" t="s">
        <v>56</v>
      </c>
      <c r="W92" s="120"/>
    </row>
    <row r="93" spans="1:23" ht="43.2">
      <c r="A93" s="120">
        <v>90</v>
      </c>
      <c r="B93" s="120" t="s">
        <v>394</v>
      </c>
      <c r="C93" s="118" t="s">
        <v>415</v>
      </c>
      <c r="D93" s="118" t="s">
        <v>865</v>
      </c>
      <c r="E93" s="120"/>
      <c r="F93" s="118" t="s">
        <v>420</v>
      </c>
      <c r="G93" s="118" t="s">
        <v>417</v>
      </c>
      <c r="H93" s="120">
        <v>2013</v>
      </c>
      <c r="I93" s="118"/>
      <c r="J93" s="118" t="s">
        <v>418</v>
      </c>
      <c r="K93" s="120">
        <v>1</v>
      </c>
      <c r="L93" s="19" t="s">
        <v>421</v>
      </c>
      <c r="M93" s="118">
        <v>0</v>
      </c>
      <c r="N93" s="120" t="s">
        <v>882</v>
      </c>
      <c r="O93" s="119" t="s">
        <v>56</v>
      </c>
      <c r="P93" s="119" t="s">
        <v>56</v>
      </c>
      <c r="Q93" s="119" t="s">
        <v>56</v>
      </c>
      <c r="R93" s="119" t="s">
        <v>56</v>
      </c>
      <c r="S93" s="119" t="s">
        <v>56</v>
      </c>
      <c r="T93" s="119" t="s">
        <v>56</v>
      </c>
      <c r="U93" s="119" t="s">
        <v>56</v>
      </c>
      <c r="V93" s="119" t="s">
        <v>56</v>
      </c>
      <c r="W93" s="118"/>
    </row>
    <row r="94" spans="1:23" ht="28.8">
      <c r="A94" s="120">
        <v>91</v>
      </c>
      <c r="B94" s="120" t="s">
        <v>394</v>
      </c>
      <c r="C94" s="118" t="s">
        <v>415</v>
      </c>
      <c r="D94" s="118" t="s">
        <v>422</v>
      </c>
      <c r="E94" s="120"/>
      <c r="F94" s="118" t="s">
        <v>423</v>
      </c>
      <c r="G94" s="118" t="s">
        <v>417</v>
      </c>
      <c r="H94" s="120">
        <v>1998</v>
      </c>
      <c r="I94" s="118"/>
      <c r="J94" s="118" t="s">
        <v>226</v>
      </c>
      <c r="K94" s="120">
        <v>1</v>
      </c>
      <c r="L94" s="19" t="s">
        <v>424</v>
      </c>
      <c r="M94" s="118">
        <v>0</v>
      </c>
      <c r="N94" s="120" t="s">
        <v>882</v>
      </c>
      <c r="O94" s="119" t="s">
        <v>56</v>
      </c>
      <c r="P94" s="119" t="s">
        <v>56</v>
      </c>
      <c r="Q94" s="119" t="s">
        <v>56</v>
      </c>
      <c r="R94" s="119" t="s">
        <v>56</v>
      </c>
      <c r="S94" s="119" t="s">
        <v>56</v>
      </c>
      <c r="T94" s="119" t="s">
        <v>56</v>
      </c>
      <c r="U94" s="119" t="s">
        <v>56</v>
      </c>
      <c r="V94" s="119" t="s">
        <v>56</v>
      </c>
      <c r="W94" s="120"/>
    </row>
    <row r="95" spans="1:23" ht="28.8">
      <c r="A95" s="120">
        <v>92</v>
      </c>
      <c r="B95" s="118" t="s">
        <v>327</v>
      </c>
      <c r="C95" s="118" t="s">
        <v>425</v>
      </c>
      <c r="D95" s="118" t="s">
        <v>426</v>
      </c>
      <c r="E95" s="118" t="s">
        <v>427</v>
      </c>
      <c r="F95" s="118" t="s">
        <v>428</v>
      </c>
      <c r="G95" s="118" t="s">
        <v>429</v>
      </c>
      <c r="H95" s="118">
        <v>1988</v>
      </c>
      <c r="I95" s="118"/>
      <c r="J95" s="118" t="s">
        <v>47</v>
      </c>
      <c r="K95" s="118" t="s">
        <v>69</v>
      </c>
      <c r="L95" s="16">
        <v>2199.79</v>
      </c>
      <c r="M95" s="118" t="s">
        <v>430</v>
      </c>
      <c r="N95" s="120" t="s">
        <v>882</v>
      </c>
      <c r="O95" s="14" t="s">
        <v>55</v>
      </c>
      <c r="P95" s="14" t="s">
        <v>55</v>
      </c>
      <c r="Q95" s="14" t="s">
        <v>56</v>
      </c>
      <c r="R95" s="14" t="s">
        <v>55</v>
      </c>
      <c r="S95" s="14" t="s">
        <v>55</v>
      </c>
      <c r="T95" s="14" t="s">
        <v>55</v>
      </c>
      <c r="U95" s="14" t="s">
        <v>56</v>
      </c>
      <c r="V95" s="14" t="s">
        <v>56</v>
      </c>
      <c r="W95" s="118"/>
    </row>
    <row r="96" spans="1:23" ht="43.2">
      <c r="A96" s="120">
        <v>93</v>
      </c>
      <c r="B96" s="118" t="s">
        <v>327</v>
      </c>
      <c r="C96" s="118" t="s">
        <v>425</v>
      </c>
      <c r="D96" s="118" t="s">
        <v>431</v>
      </c>
      <c r="E96" s="118" t="s">
        <v>432</v>
      </c>
      <c r="F96" s="118" t="s">
        <v>433</v>
      </c>
      <c r="G96" s="118" t="s">
        <v>434</v>
      </c>
      <c r="H96" s="118">
        <v>1978</v>
      </c>
      <c r="I96" s="118"/>
      <c r="J96" s="118" t="s">
        <v>47</v>
      </c>
      <c r="K96" s="118" t="s">
        <v>69</v>
      </c>
      <c r="L96" s="16">
        <v>9980.7999999999993</v>
      </c>
      <c r="M96" s="118" t="s">
        <v>435</v>
      </c>
      <c r="N96" s="120" t="s">
        <v>882</v>
      </c>
      <c r="O96" s="14" t="s">
        <v>55</v>
      </c>
      <c r="P96" s="14" t="s">
        <v>55</v>
      </c>
      <c r="Q96" s="14" t="s">
        <v>56</v>
      </c>
      <c r="R96" s="14" t="s">
        <v>55</v>
      </c>
      <c r="S96" s="14" t="s">
        <v>55</v>
      </c>
      <c r="T96" s="14" t="s">
        <v>55</v>
      </c>
      <c r="U96" s="14" t="s">
        <v>56</v>
      </c>
      <c r="V96" s="14" t="s">
        <v>56</v>
      </c>
      <c r="W96" s="118"/>
    </row>
    <row r="97" spans="1:23" ht="28.8">
      <c r="A97" s="120">
        <v>94</v>
      </c>
      <c r="B97" s="118" t="s">
        <v>327</v>
      </c>
      <c r="C97" s="118" t="s">
        <v>425</v>
      </c>
      <c r="D97" s="118" t="s">
        <v>436</v>
      </c>
      <c r="E97" s="118" t="s">
        <v>437</v>
      </c>
      <c r="F97" s="118" t="s">
        <v>438</v>
      </c>
      <c r="G97" s="118" t="s">
        <v>439</v>
      </c>
      <c r="H97" s="118">
        <v>1991</v>
      </c>
      <c r="I97" s="118"/>
      <c r="J97" s="118" t="s">
        <v>47</v>
      </c>
      <c r="K97" s="118" t="s">
        <v>69</v>
      </c>
      <c r="L97" s="16">
        <v>998.67</v>
      </c>
      <c r="M97" s="118" t="s">
        <v>440</v>
      </c>
      <c r="N97" s="120" t="s">
        <v>882</v>
      </c>
      <c r="O97" s="14" t="s">
        <v>55</v>
      </c>
      <c r="P97" s="14" t="s">
        <v>55</v>
      </c>
      <c r="Q97" s="14" t="s">
        <v>56</v>
      </c>
      <c r="R97" s="14" t="s">
        <v>55</v>
      </c>
      <c r="S97" s="14" t="s">
        <v>441</v>
      </c>
      <c r="T97" s="14" t="s">
        <v>55</v>
      </c>
      <c r="U97" s="14" t="s">
        <v>56</v>
      </c>
      <c r="V97" s="14" t="s">
        <v>56</v>
      </c>
      <c r="W97" s="118"/>
    </row>
    <row r="98" spans="1:23" ht="28.8">
      <c r="A98" s="120">
        <v>95</v>
      </c>
      <c r="B98" s="120" t="s">
        <v>327</v>
      </c>
      <c r="C98" s="118" t="s">
        <v>442</v>
      </c>
      <c r="D98" s="118" t="s">
        <v>443</v>
      </c>
      <c r="E98" s="11" t="s">
        <v>444</v>
      </c>
      <c r="F98" s="11" t="s">
        <v>445</v>
      </c>
      <c r="G98" s="11" t="s">
        <v>446</v>
      </c>
      <c r="H98" s="120">
        <v>1991</v>
      </c>
      <c r="I98" s="118"/>
      <c r="J98" s="118" t="s">
        <v>31</v>
      </c>
      <c r="K98" s="120">
        <v>18</v>
      </c>
      <c r="L98" s="16" t="s">
        <v>447</v>
      </c>
      <c r="M98" s="118" t="s">
        <v>448</v>
      </c>
      <c r="N98" s="120" t="s">
        <v>882</v>
      </c>
      <c r="O98" s="119" t="s">
        <v>55</v>
      </c>
      <c r="P98" s="119" t="s">
        <v>55</v>
      </c>
      <c r="Q98" s="119" t="s">
        <v>55</v>
      </c>
      <c r="R98" s="119" t="s">
        <v>55</v>
      </c>
      <c r="S98" s="119" t="s">
        <v>55</v>
      </c>
      <c r="T98" s="119" t="s">
        <v>55</v>
      </c>
      <c r="U98" s="119" t="s">
        <v>55</v>
      </c>
      <c r="V98" s="119" t="s">
        <v>55</v>
      </c>
      <c r="W98" s="120"/>
    </row>
    <row r="99" spans="1:23" ht="28.8">
      <c r="A99" s="120">
        <v>96</v>
      </c>
      <c r="B99" s="118" t="s">
        <v>376</v>
      </c>
      <c r="C99" s="118" t="s">
        <v>868</v>
      </c>
      <c r="D99" s="118" t="s">
        <v>869</v>
      </c>
      <c r="E99" s="118" t="s">
        <v>385</v>
      </c>
      <c r="F99" s="118" t="s">
        <v>870</v>
      </c>
      <c r="G99" s="118" t="s">
        <v>871</v>
      </c>
      <c r="H99" s="120"/>
      <c r="I99" s="118"/>
      <c r="J99" s="118" t="s">
        <v>47</v>
      </c>
      <c r="K99" s="120"/>
      <c r="L99" s="16"/>
      <c r="M99" s="118" t="s">
        <v>872</v>
      </c>
      <c r="N99" s="120" t="s">
        <v>882</v>
      </c>
      <c r="O99" s="119" t="s">
        <v>56</v>
      </c>
      <c r="P99" s="119" t="s">
        <v>56</v>
      </c>
      <c r="Q99" s="119" t="s">
        <v>56</v>
      </c>
      <c r="R99" s="119" t="s">
        <v>56</v>
      </c>
      <c r="S99" s="119" t="s">
        <v>56</v>
      </c>
      <c r="T99" s="119" t="s">
        <v>55</v>
      </c>
      <c r="U99" s="119" t="s">
        <v>56</v>
      </c>
      <c r="V99" s="119" t="s">
        <v>56</v>
      </c>
      <c r="W99" s="120"/>
    </row>
    <row r="100" spans="1:23" ht="28.8">
      <c r="A100" s="120">
        <v>97</v>
      </c>
      <c r="B100" s="118" t="s">
        <v>327</v>
      </c>
      <c r="C100" s="118" t="s">
        <v>868</v>
      </c>
      <c r="D100" s="118" t="s">
        <v>873</v>
      </c>
      <c r="E100" s="118" t="s">
        <v>874</v>
      </c>
      <c r="F100" s="118" t="s">
        <v>875</v>
      </c>
      <c r="G100" s="118" t="s">
        <v>871</v>
      </c>
      <c r="H100" s="120"/>
      <c r="I100" s="118"/>
      <c r="J100" s="118" t="s">
        <v>47</v>
      </c>
      <c r="K100" s="120"/>
      <c r="L100" s="16"/>
      <c r="M100" s="118" t="s">
        <v>872</v>
      </c>
      <c r="N100" s="120" t="s">
        <v>882</v>
      </c>
      <c r="O100" s="119" t="s">
        <v>56</v>
      </c>
      <c r="P100" s="119" t="s">
        <v>56</v>
      </c>
      <c r="Q100" s="119" t="s">
        <v>56</v>
      </c>
      <c r="R100" s="119" t="s">
        <v>56</v>
      </c>
      <c r="S100" s="119" t="s">
        <v>56</v>
      </c>
      <c r="T100" s="119"/>
      <c r="U100" s="119"/>
      <c r="V100" s="119"/>
      <c r="W100" s="118" t="s">
        <v>876</v>
      </c>
    </row>
    <row r="101" spans="1:23" ht="43.2">
      <c r="A101" s="120">
        <v>98</v>
      </c>
      <c r="B101" s="120" t="s">
        <v>449</v>
      </c>
      <c r="C101" s="50" t="s">
        <v>450</v>
      </c>
      <c r="D101" s="52" t="s">
        <v>451</v>
      </c>
      <c r="E101" s="120" t="s">
        <v>452</v>
      </c>
      <c r="F101" s="52" t="s">
        <v>453</v>
      </c>
      <c r="G101" s="118" t="s">
        <v>454</v>
      </c>
      <c r="H101" s="120">
        <v>2003</v>
      </c>
      <c r="I101" s="118"/>
      <c r="J101" s="118" t="s">
        <v>31</v>
      </c>
      <c r="K101" s="100">
        <v>1</v>
      </c>
      <c r="L101" s="16">
        <v>41212</v>
      </c>
      <c r="M101" s="118" t="s">
        <v>455</v>
      </c>
      <c r="N101" s="120" t="s">
        <v>882</v>
      </c>
      <c r="O101" s="119" t="s">
        <v>56</v>
      </c>
      <c r="P101" s="119" t="s">
        <v>56</v>
      </c>
      <c r="Q101" s="119" t="s">
        <v>56</v>
      </c>
      <c r="R101" s="119" t="s">
        <v>56</v>
      </c>
      <c r="S101" s="119" t="s">
        <v>56</v>
      </c>
      <c r="T101" s="119" t="s">
        <v>56</v>
      </c>
      <c r="U101" s="119" t="s">
        <v>56</v>
      </c>
      <c r="V101" s="119" t="s">
        <v>56</v>
      </c>
      <c r="W101" s="120"/>
    </row>
    <row r="102" spans="1:23" ht="43.2">
      <c r="A102" s="120">
        <v>99</v>
      </c>
      <c r="B102" s="120" t="s">
        <v>449</v>
      </c>
      <c r="C102" s="120" t="s">
        <v>456</v>
      </c>
      <c r="D102" s="118" t="s">
        <v>847</v>
      </c>
      <c r="E102" s="120" t="s">
        <v>458</v>
      </c>
      <c r="F102" s="118" t="s">
        <v>459</v>
      </c>
      <c r="G102" s="118" t="s">
        <v>460</v>
      </c>
      <c r="H102" s="120">
        <v>1987</v>
      </c>
      <c r="I102" s="118" t="s">
        <v>457</v>
      </c>
      <c r="J102" s="118" t="s">
        <v>22</v>
      </c>
      <c r="K102" s="120"/>
      <c r="L102" s="16">
        <v>271</v>
      </c>
      <c r="M102" s="118" t="s">
        <v>461</v>
      </c>
      <c r="N102" s="120" t="s">
        <v>882</v>
      </c>
      <c r="O102" s="119" t="s">
        <v>56</v>
      </c>
      <c r="P102" s="119" t="s">
        <v>55</v>
      </c>
      <c r="Q102" s="119" t="s">
        <v>55</v>
      </c>
      <c r="R102" s="119" t="s">
        <v>56</v>
      </c>
      <c r="S102" s="119" t="s">
        <v>56</v>
      </c>
      <c r="T102" s="119" t="s">
        <v>55</v>
      </c>
      <c r="U102" s="119" t="s">
        <v>56</v>
      </c>
      <c r="V102" s="119" t="s">
        <v>56</v>
      </c>
      <c r="W102" s="118" t="s">
        <v>462</v>
      </c>
    </row>
    <row r="103" spans="1:23" ht="28.8">
      <c r="A103" s="120">
        <v>100</v>
      </c>
      <c r="B103" s="120" t="s">
        <v>449</v>
      </c>
      <c r="C103" s="120" t="s">
        <v>456</v>
      </c>
      <c r="D103" s="118" t="s">
        <v>848</v>
      </c>
      <c r="E103" s="120"/>
      <c r="F103" s="118" t="s">
        <v>463</v>
      </c>
      <c r="G103" s="118" t="s">
        <v>464</v>
      </c>
      <c r="H103" s="120">
        <v>1981</v>
      </c>
      <c r="I103" s="118"/>
      <c r="J103" s="118" t="s">
        <v>47</v>
      </c>
      <c r="K103" s="120"/>
      <c r="L103" s="16"/>
      <c r="M103" s="118" t="s">
        <v>465</v>
      </c>
      <c r="N103" s="120" t="s">
        <v>882</v>
      </c>
      <c r="O103" s="119" t="s">
        <v>56</v>
      </c>
      <c r="P103" s="119" t="s">
        <v>56</v>
      </c>
      <c r="Q103" s="119" t="s">
        <v>56</v>
      </c>
      <c r="R103" s="119" t="s">
        <v>56</v>
      </c>
      <c r="S103" s="119" t="s">
        <v>56</v>
      </c>
      <c r="T103" s="119" t="s">
        <v>56</v>
      </c>
      <c r="U103" s="119" t="s">
        <v>56</v>
      </c>
      <c r="V103" s="119" t="s">
        <v>56</v>
      </c>
      <c r="W103" s="118"/>
    </row>
    <row r="104" spans="1:23" ht="72">
      <c r="A104" s="120">
        <v>101</v>
      </c>
      <c r="B104" s="120" t="s">
        <v>449</v>
      </c>
      <c r="C104" s="120" t="s">
        <v>456</v>
      </c>
      <c r="D104" s="118" t="s">
        <v>466</v>
      </c>
      <c r="E104" s="118" t="s">
        <v>458</v>
      </c>
      <c r="F104" s="118" t="s">
        <v>459</v>
      </c>
      <c r="G104" s="118" t="s">
        <v>467</v>
      </c>
      <c r="H104" s="118">
        <v>1991</v>
      </c>
      <c r="I104" s="118"/>
      <c r="J104" s="118" t="s">
        <v>24</v>
      </c>
      <c r="K104" s="120">
        <v>2</v>
      </c>
      <c r="L104" s="16"/>
      <c r="M104" s="118" t="s">
        <v>468</v>
      </c>
      <c r="N104" s="17">
        <v>1242</v>
      </c>
      <c r="O104" s="119" t="s">
        <v>56</v>
      </c>
      <c r="P104" s="119" t="s">
        <v>55</v>
      </c>
      <c r="Q104" s="119" t="s">
        <v>55</v>
      </c>
      <c r="R104" s="119" t="s">
        <v>56</v>
      </c>
      <c r="S104" s="119" t="s">
        <v>55</v>
      </c>
      <c r="T104" s="119" t="s">
        <v>55</v>
      </c>
      <c r="U104" s="119" t="s">
        <v>56</v>
      </c>
      <c r="V104" s="119" t="s">
        <v>56</v>
      </c>
      <c r="W104" s="118" t="s">
        <v>712</v>
      </c>
    </row>
    <row r="105" spans="1:23" ht="57.6">
      <c r="A105" s="120">
        <v>102</v>
      </c>
      <c r="B105" s="120" t="s">
        <v>449</v>
      </c>
      <c r="C105" s="120" t="s">
        <v>469</v>
      </c>
      <c r="D105" s="118" t="s">
        <v>470</v>
      </c>
      <c r="E105" s="120" t="s">
        <v>471</v>
      </c>
      <c r="F105" s="118" t="s">
        <v>472</v>
      </c>
      <c r="G105" s="118" t="s">
        <v>473</v>
      </c>
      <c r="H105" s="120">
        <v>2019</v>
      </c>
      <c r="I105" s="118"/>
      <c r="J105" s="118" t="s">
        <v>47</v>
      </c>
      <c r="K105" s="120">
        <v>1</v>
      </c>
      <c r="L105" s="16">
        <v>152.55000000000001</v>
      </c>
      <c r="M105" s="118" t="s">
        <v>474</v>
      </c>
      <c r="N105" s="120" t="s">
        <v>882</v>
      </c>
      <c r="O105" s="119" t="s">
        <v>55</v>
      </c>
      <c r="P105" s="119" t="s">
        <v>56</v>
      </c>
      <c r="Q105" s="119" t="s">
        <v>56</v>
      </c>
      <c r="R105" s="119" t="s">
        <v>55</v>
      </c>
      <c r="S105" s="119" t="s">
        <v>55</v>
      </c>
      <c r="T105" s="119" t="s">
        <v>55</v>
      </c>
      <c r="U105" s="119" t="s">
        <v>55</v>
      </c>
      <c r="V105" s="18" t="s">
        <v>55</v>
      </c>
      <c r="W105" s="118" t="s">
        <v>539</v>
      </c>
    </row>
    <row r="106" spans="1:23" ht="28.8">
      <c r="A106" s="120">
        <v>103</v>
      </c>
      <c r="B106" s="120" t="s">
        <v>475</v>
      </c>
      <c r="C106" s="120" t="s">
        <v>54</v>
      </c>
      <c r="D106" s="118" t="s">
        <v>476</v>
      </c>
      <c r="E106" s="120" t="s">
        <v>477</v>
      </c>
      <c r="F106" s="118" t="s">
        <v>478</v>
      </c>
      <c r="G106" s="118" t="s">
        <v>479</v>
      </c>
      <c r="H106" s="120">
        <v>2010</v>
      </c>
      <c r="I106" s="118"/>
      <c r="J106" s="118" t="s">
        <v>47</v>
      </c>
      <c r="K106" s="120" t="s">
        <v>366</v>
      </c>
      <c r="L106" s="16">
        <v>24629.09</v>
      </c>
      <c r="M106" s="118" t="s">
        <v>480</v>
      </c>
      <c r="N106" s="120" t="s">
        <v>882</v>
      </c>
      <c r="O106" s="119" t="s">
        <v>56</v>
      </c>
      <c r="P106" s="119" t="s">
        <v>56</v>
      </c>
      <c r="Q106" s="119" t="s">
        <v>55</v>
      </c>
      <c r="R106" s="119" t="s">
        <v>55</v>
      </c>
      <c r="S106" s="119" t="s">
        <v>56</v>
      </c>
      <c r="T106" s="119" t="s">
        <v>55</v>
      </c>
      <c r="U106" s="119" t="s">
        <v>56</v>
      </c>
      <c r="V106" s="119" t="s">
        <v>56</v>
      </c>
      <c r="W106" s="120"/>
    </row>
    <row r="107" spans="1:23">
      <c r="A107" s="120">
        <v>104</v>
      </c>
      <c r="B107" s="120" t="s">
        <v>481</v>
      </c>
      <c r="C107" s="120" t="s">
        <v>54</v>
      </c>
      <c r="D107" s="118" t="s">
        <v>482</v>
      </c>
      <c r="E107" s="120" t="s">
        <v>483</v>
      </c>
      <c r="F107" s="118" t="s">
        <v>484</v>
      </c>
      <c r="G107" s="118" t="s">
        <v>485</v>
      </c>
      <c r="H107" s="120">
        <v>1970</v>
      </c>
      <c r="I107" s="118"/>
      <c r="J107" s="118" t="s">
        <v>22</v>
      </c>
      <c r="K107" s="120">
        <v>1</v>
      </c>
      <c r="L107" s="16">
        <v>170.56</v>
      </c>
      <c r="M107" s="118" t="s">
        <v>486</v>
      </c>
      <c r="N107" s="120" t="s">
        <v>882</v>
      </c>
      <c r="O107" s="119" t="s">
        <v>55</v>
      </c>
      <c r="P107" s="119" t="s">
        <v>55</v>
      </c>
      <c r="Q107" s="119" t="s">
        <v>55</v>
      </c>
      <c r="R107" s="119" t="s">
        <v>55</v>
      </c>
      <c r="S107" s="119" t="s">
        <v>56</v>
      </c>
      <c r="T107" s="119" t="s">
        <v>56</v>
      </c>
      <c r="U107" s="119" t="s">
        <v>56</v>
      </c>
      <c r="V107" s="119" t="s">
        <v>56</v>
      </c>
      <c r="W107" s="120"/>
    </row>
    <row r="108" spans="1:23">
      <c r="A108" s="120">
        <v>105</v>
      </c>
      <c r="B108" s="120" t="s">
        <v>481</v>
      </c>
      <c r="C108" s="118" t="s">
        <v>774</v>
      </c>
      <c r="D108" s="118" t="s">
        <v>877</v>
      </c>
      <c r="E108" s="120"/>
      <c r="F108" s="118" t="s">
        <v>878</v>
      </c>
      <c r="G108" s="118" t="s">
        <v>879</v>
      </c>
      <c r="H108" s="120"/>
      <c r="I108" s="118"/>
      <c r="J108" s="118" t="s">
        <v>119</v>
      </c>
      <c r="K108" s="120"/>
      <c r="L108" s="16"/>
      <c r="M108" s="118"/>
      <c r="N108" s="120" t="s">
        <v>882</v>
      </c>
      <c r="O108" s="119" t="s">
        <v>56</v>
      </c>
      <c r="P108" s="119" t="s">
        <v>56</v>
      </c>
      <c r="Q108" s="119" t="s">
        <v>56</v>
      </c>
      <c r="R108" s="119" t="s">
        <v>56</v>
      </c>
      <c r="S108" s="119" t="s">
        <v>56</v>
      </c>
      <c r="T108" s="119" t="s">
        <v>56</v>
      </c>
      <c r="U108" s="119" t="s">
        <v>56</v>
      </c>
      <c r="V108" s="119" t="s">
        <v>56</v>
      </c>
      <c r="W108" s="120"/>
    </row>
    <row r="109" spans="1:23" ht="28.8">
      <c r="A109" s="120">
        <v>106</v>
      </c>
      <c r="B109" s="120" t="s">
        <v>481</v>
      </c>
      <c r="C109" s="118" t="s">
        <v>774</v>
      </c>
      <c r="D109" s="118" t="s">
        <v>880</v>
      </c>
      <c r="E109" s="120"/>
      <c r="F109" s="118" t="s">
        <v>878</v>
      </c>
      <c r="G109" s="118" t="s">
        <v>879</v>
      </c>
      <c r="H109" s="120"/>
      <c r="I109" s="118"/>
      <c r="J109" s="118" t="s">
        <v>119</v>
      </c>
      <c r="K109" s="120"/>
      <c r="L109" s="16"/>
      <c r="M109" s="118"/>
      <c r="N109" s="120" t="s">
        <v>882</v>
      </c>
      <c r="O109" s="119" t="s">
        <v>56</v>
      </c>
      <c r="P109" s="119" t="s">
        <v>56</v>
      </c>
      <c r="Q109" s="119" t="s">
        <v>56</v>
      </c>
      <c r="R109" s="119" t="s">
        <v>56</v>
      </c>
      <c r="S109" s="119" t="s">
        <v>56</v>
      </c>
      <c r="T109" s="119" t="s">
        <v>56</v>
      </c>
      <c r="U109" s="119" t="s">
        <v>56</v>
      </c>
      <c r="V109" s="119" t="s">
        <v>56</v>
      </c>
      <c r="W109" s="120"/>
    </row>
    <row r="110" spans="1:23" ht="28.8">
      <c r="A110" s="120">
        <v>107</v>
      </c>
      <c r="B110" s="120" t="s">
        <v>481</v>
      </c>
      <c r="C110" s="118" t="s">
        <v>774</v>
      </c>
      <c r="D110" s="118" t="s">
        <v>881</v>
      </c>
      <c r="E110" s="120"/>
      <c r="F110" s="118" t="s">
        <v>878</v>
      </c>
      <c r="G110" s="118" t="s">
        <v>879</v>
      </c>
      <c r="H110" s="120"/>
      <c r="I110" s="118"/>
      <c r="J110" s="118" t="s">
        <v>119</v>
      </c>
      <c r="K110" s="120"/>
      <c r="L110" s="16"/>
      <c r="M110" s="118"/>
      <c r="N110" s="120" t="s">
        <v>882</v>
      </c>
      <c r="O110" s="119" t="s">
        <v>56</v>
      </c>
      <c r="P110" s="119" t="s">
        <v>56</v>
      </c>
      <c r="Q110" s="119" t="s">
        <v>56</v>
      </c>
      <c r="R110" s="119" t="s">
        <v>56</v>
      </c>
      <c r="S110" s="119" t="s">
        <v>56</v>
      </c>
      <c r="T110" s="119" t="s">
        <v>56</v>
      </c>
      <c r="U110" s="119" t="s">
        <v>56</v>
      </c>
      <c r="V110" s="119" t="s">
        <v>56</v>
      </c>
      <c r="W110" s="120"/>
    </row>
    <row r="111" spans="1:23">
      <c r="A111" s="120">
        <v>108</v>
      </c>
      <c r="B111" s="120" t="s">
        <v>487</v>
      </c>
      <c r="C111" s="120" t="s">
        <v>488</v>
      </c>
      <c r="D111" s="118" t="s">
        <v>489</v>
      </c>
      <c r="E111" s="120" t="s">
        <v>490</v>
      </c>
      <c r="F111" s="118" t="s">
        <v>491</v>
      </c>
      <c r="G111" s="118" t="s">
        <v>492</v>
      </c>
      <c r="H111" s="120">
        <v>1997</v>
      </c>
      <c r="I111" s="118"/>
      <c r="J111" s="118" t="s">
        <v>226</v>
      </c>
      <c r="K111" s="120"/>
      <c r="L111" s="16"/>
      <c r="M111" s="118"/>
      <c r="N111" s="120" t="s">
        <v>882</v>
      </c>
      <c r="O111" s="119" t="s">
        <v>55</v>
      </c>
      <c r="P111" s="119" t="s">
        <v>56</v>
      </c>
      <c r="Q111" s="119" t="s">
        <v>56</v>
      </c>
      <c r="R111" s="119" t="s">
        <v>55</v>
      </c>
      <c r="S111" s="119" t="s">
        <v>55</v>
      </c>
      <c r="T111" s="119" t="s">
        <v>55</v>
      </c>
      <c r="U111" s="119" t="s">
        <v>55</v>
      </c>
      <c r="V111" s="119" t="s">
        <v>56</v>
      </c>
      <c r="W111" s="120" t="s">
        <v>493</v>
      </c>
    </row>
    <row r="112" spans="1:23">
      <c r="A112" s="120">
        <v>109</v>
      </c>
      <c r="B112" s="120" t="s">
        <v>487</v>
      </c>
      <c r="C112" s="120" t="s">
        <v>990</v>
      </c>
      <c r="D112" s="120" t="s">
        <v>991</v>
      </c>
      <c r="E112" s="120" t="s">
        <v>992</v>
      </c>
      <c r="F112" s="120" t="s">
        <v>993</v>
      </c>
      <c r="G112" s="120" t="s">
        <v>994</v>
      </c>
      <c r="H112" s="120">
        <v>1980</v>
      </c>
      <c r="I112" s="118"/>
      <c r="J112" s="118" t="s">
        <v>38</v>
      </c>
      <c r="K112" s="120">
        <v>1</v>
      </c>
      <c r="L112" s="121">
        <v>95287.07</v>
      </c>
      <c r="M112" s="118" t="s">
        <v>995</v>
      </c>
      <c r="N112" s="120" t="s">
        <v>997</v>
      </c>
      <c r="O112" s="119" t="s">
        <v>56</v>
      </c>
      <c r="P112" s="119" t="s">
        <v>55</v>
      </c>
      <c r="Q112" s="119" t="s">
        <v>56</v>
      </c>
      <c r="R112" s="119" t="s">
        <v>56</v>
      </c>
      <c r="S112" s="119" t="s">
        <v>56</v>
      </c>
      <c r="T112" s="119" t="s">
        <v>55</v>
      </c>
      <c r="U112" s="119" t="s">
        <v>56</v>
      </c>
      <c r="V112" s="119" t="s">
        <v>56</v>
      </c>
      <c r="W112" s="75" t="s">
        <v>996</v>
      </c>
    </row>
    <row r="113" spans="1:23" ht="28.8">
      <c r="A113" s="120">
        <v>110</v>
      </c>
      <c r="B113" s="120" t="s">
        <v>494</v>
      </c>
      <c r="C113" s="120" t="s">
        <v>495</v>
      </c>
      <c r="D113" s="118" t="s">
        <v>849</v>
      </c>
      <c r="E113" s="120" t="s">
        <v>169</v>
      </c>
      <c r="F113" s="118" t="s">
        <v>497</v>
      </c>
      <c r="G113" s="118" t="s">
        <v>498</v>
      </c>
      <c r="H113" s="120">
        <v>1982</v>
      </c>
      <c r="I113" s="118" t="s">
        <v>496</v>
      </c>
      <c r="J113" s="118" t="s">
        <v>38</v>
      </c>
      <c r="K113" s="120"/>
      <c r="L113" s="16"/>
      <c r="M113" s="118" t="s">
        <v>540</v>
      </c>
      <c r="N113" s="120" t="s">
        <v>882</v>
      </c>
      <c r="O113" s="119" t="s">
        <v>56</v>
      </c>
      <c r="P113" s="119" t="s">
        <v>55</v>
      </c>
      <c r="Q113" s="119" t="s">
        <v>56</v>
      </c>
      <c r="R113" s="119" t="s">
        <v>56</v>
      </c>
      <c r="S113" s="119" t="s">
        <v>56</v>
      </c>
      <c r="T113" s="119" t="s">
        <v>56</v>
      </c>
      <c r="U113" s="119" t="s">
        <v>56</v>
      </c>
      <c r="V113" s="119" t="s">
        <v>56</v>
      </c>
      <c r="W113" s="120"/>
    </row>
    <row r="114" spans="1:23" ht="28.8">
      <c r="A114" s="120">
        <v>111</v>
      </c>
      <c r="B114" s="120" t="s">
        <v>494</v>
      </c>
      <c r="C114" s="120" t="s">
        <v>495</v>
      </c>
      <c r="D114" s="118" t="s">
        <v>849</v>
      </c>
      <c r="E114" s="120" t="s">
        <v>169</v>
      </c>
      <c r="F114" s="118" t="s">
        <v>497</v>
      </c>
      <c r="G114" s="118" t="s">
        <v>498</v>
      </c>
      <c r="H114" s="120">
        <v>1982</v>
      </c>
      <c r="I114" s="118" t="s">
        <v>499</v>
      </c>
      <c r="J114" s="118" t="s">
        <v>119</v>
      </c>
      <c r="K114" s="120"/>
      <c r="L114" s="16"/>
      <c r="M114" s="118" t="s">
        <v>500</v>
      </c>
      <c r="N114" s="120" t="s">
        <v>882</v>
      </c>
      <c r="O114" s="119" t="s">
        <v>56</v>
      </c>
      <c r="P114" s="119" t="s">
        <v>56</v>
      </c>
      <c r="Q114" s="119" t="s">
        <v>56</v>
      </c>
      <c r="R114" s="119" t="s">
        <v>56</v>
      </c>
      <c r="S114" s="119" t="s">
        <v>56</v>
      </c>
      <c r="T114" s="119" t="s">
        <v>56</v>
      </c>
      <c r="U114" s="119" t="s">
        <v>56</v>
      </c>
      <c r="V114" s="119" t="s">
        <v>56</v>
      </c>
      <c r="W114" s="118"/>
    </row>
    <row r="115" spans="1:23" ht="43.2">
      <c r="A115" s="120">
        <v>112</v>
      </c>
      <c r="B115" s="120" t="s">
        <v>494</v>
      </c>
      <c r="C115" s="120" t="s">
        <v>495</v>
      </c>
      <c r="D115" s="118" t="s">
        <v>849</v>
      </c>
      <c r="E115" s="120" t="s">
        <v>169</v>
      </c>
      <c r="F115" s="118" t="s">
        <v>497</v>
      </c>
      <c r="G115" s="118" t="s">
        <v>498</v>
      </c>
      <c r="H115" s="120">
        <v>1992</v>
      </c>
      <c r="I115" s="118" t="s">
        <v>850</v>
      </c>
      <c r="J115" s="118" t="s">
        <v>47</v>
      </c>
      <c r="K115" s="120">
        <v>18</v>
      </c>
      <c r="L115" s="16"/>
      <c r="M115" s="118" t="s">
        <v>501</v>
      </c>
      <c r="N115" s="120" t="s">
        <v>882</v>
      </c>
      <c r="O115" s="119" t="s">
        <v>56</v>
      </c>
      <c r="P115" s="119" t="s">
        <v>56</v>
      </c>
      <c r="Q115" s="119" t="s">
        <v>56</v>
      </c>
      <c r="R115" s="119" t="s">
        <v>56</v>
      </c>
      <c r="S115" s="119" t="s">
        <v>56</v>
      </c>
      <c r="T115" s="119" t="s">
        <v>56</v>
      </c>
      <c r="U115" s="119" t="s">
        <v>56</v>
      </c>
      <c r="V115" s="119" t="s">
        <v>56</v>
      </c>
      <c r="W115" s="120"/>
    </row>
    <row r="116" spans="1:23" ht="28.8">
      <c r="A116" s="120">
        <v>113</v>
      </c>
      <c r="B116" s="120" t="s">
        <v>494</v>
      </c>
      <c r="C116" s="120" t="s">
        <v>502</v>
      </c>
      <c r="D116" s="118" t="s">
        <v>503</v>
      </c>
      <c r="E116" s="120" t="s">
        <v>504</v>
      </c>
      <c r="F116" s="118" t="s">
        <v>505</v>
      </c>
      <c r="G116" s="118" t="s">
        <v>506</v>
      </c>
      <c r="H116" s="120">
        <v>1971</v>
      </c>
      <c r="I116" s="118"/>
      <c r="J116" s="118" t="s">
        <v>44</v>
      </c>
      <c r="K116" s="120"/>
      <c r="L116" s="16"/>
      <c r="M116" s="118"/>
      <c r="N116" s="120" t="s">
        <v>882</v>
      </c>
      <c r="O116" s="119" t="s">
        <v>56</v>
      </c>
      <c r="P116" s="119" t="s">
        <v>55</v>
      </c>
      <c r="Q116" s="119" t="s">
        <v>56</v>
      </c>
      <c r="R116" s="119" t="s">
        <v>55</v>
      </c>
      <c r="S116" s="119" t="s">
        <v>56</v>
      </c>
      <c r="T116" s="119" t="s">
        <v>56</v>
      </c>
      <c r="U116" s="119" t="s">
        <v>56</v>
      </c>
      <c r="V116" s="119" t="s">
        <v>56</v>
      </c>
      <c r="W116" s="120"/>
    </row>
    <row r="117" spans="1:23" ht="28.8">
      <c r="A117" s="120">
        <v>114</v>
      </c>
      <c r="B117" s="120" t="s">
        <v>494</v>
      </c>
      <c r="C117" s="120" t="s">
        <v>502</v>
      </c>
      <c r="D117" s="118" t="s">
        <v>507</v>
      </c>
      <c r="E117" s="120" t="s">
        <v>508</v>
      </c>
      <c r="F117" s="118" t="s">
        <v>509</v>
      </c>
      <c r="G117" s="118" t="s">
        <v>510</v>
      </c>
      <c r="H117" s="120">
        <v>1971</v>
      </c>
      <c r="I117" s="118"/>
      <c r="J117" s="118" t="s">
        <v>44</v>
      </c>
      <c r="K117" s="120"/>
      <c r="L117" s="16"/>
      <c r="M117" s="118"/>
      <c r="N117" s="120" t="s">
        <v>882</v>
      </c>
      <c r="O117" s="119" t="s">
        <v>56</v>
      </c>
      <c r="P117" s="119" t="s">
        <v>55</v>
      </c>
      <c r="Q117" s="119" t="s">
        <v>56</v>
      </c>
      <c r="R117" s="119" t="s">
        <v>55</v>
      </c>
      <c r="S117" s="119" t="s">
        <v>56</v>
      </c>
      <c r="T117" s="119" t="s">
        <v>56</v>
      </c>
      <c r="U117" s="119" t="s">
        <v>56</v>
      </c>
      <c r="V117" s="119" t="s">
        <v>56</v>
      </c>
      <c r="W117" s="120"/>
    </row>
    <row r="118" spans="1:23" ht="28.8">
      <c r="A118" s="120">
        <v>115</v>
      </c>
      <c r="B118" s="120" t="s">
        <v>494</v>
      </c>
      <c r="C118" s="120" t="s">
        <v>502</v>
      </c>
      <c r="D118" s="118" t="s">
        <v>511</v>
      </c>
      <c r="E118" s="120"/>
      <c r="F118" s="118" t="s">
        <v>512</v>
      </c>
      <c r="G118" s="118" t="s">
        <v>513</v>
      </c>
      <c r="H118" s="120">
        <v>1981</v>
      </c>
      <c r="I118" s="118"/>
      <c r="J118" s="118" t="s">
        <v>119</v>
      </c>
      <c r="K118" s="120"/>
      <c r="L118" s="16"/>
      <c r="M118" s="118" t="s">
        <v>514</v>
      </c>
      <c r="N118" s="120" t="s">
        <v>882</v>
      </c>
      <c r="O118" s="119" t="s">
        <v>56</v>
      </c>
      <c r="P118" s="119" t="s">
        <v>56</v>
      </c>
      <c r="Q118" s="119" t="s">
        <v>56</v>
      </c>
      <c r="R118" s="119" t="s">
        <v>56</v>
      </c>
      <c r="S118" s="119" t="s">
        <v>56</v>
      </c>
      <c r="T118" s="119" t="s">
        <v>56</v>
      </c>
      <c r="U118" s="119" t="s">
        <v>56</v>
      </c>
      <c r="V118" s="119" t="s">
        <v>56</v>
      </c>
      <c r="W118" s="120"/>
    </row>
    <row r="119" spans="1:23">
      <c r="A119" s="120">
        <v>116</v>
      </c>
      <c r="B119" s="120" t="s">
        <v>494</v>
      </c>
      <c r="C119" s="120" t="s">
        <v>502</v>
      </c>
      <c r="D119" s="118" t="s">
        <v>515</v>
      </c>
      <c r="E119" s="120"/>
      <c r="F119" s="118" t="s">
        <v>512</v>
      </c>
      <c r="G119" s="118" t="s">
        <v>513</v>
      </c>
      <c r="H119" s="120">
        <v>1977</v>
      </c>
      <c r="I119" s="118"/>
      <c r="J119" s="118" t="s">
        <v>119</v>
      </c>
      <c r="K119" s="120"/>
      <c r="L119" s="16"/>
      <c r="M119" s="118" t="s">
        <v>516</v>
      </c>
      <c r="N119" s="120" t="s">
        <v>882</v>
      </c>
      <c r="O119" s="119" t="s">
        <v>56</v>
      </c>
      <c r="P119" s="119" t="s">
        <v>56</v>
      </c>
      <c r="Q119" s="119" t="s">
        <v>56</v>
      </c>
      <c r="R119" s="119" t="s">
        <v>56</v>
      </c>
      <c r="S119" s="119" t="s">
        <v>56</v>
      </c>
      <c r="T119" s="119" t="s">
        <v>56</v>
      </c>
      <c r="U119" s="119" t="s">
        <v>56</v>
      </c>
      <c r="V119" s="119" t="s">
        <v>56</v>
      </c>
      <c r="W119" s="120"/>
    </row>
    <row r="120" spans="1:23">
      <c r="A120" s="120">
        <v>117</v>
      </c>
      <c r="B120" s="120" t="s">
        <v>494</v>
      </c>
      <c r="C120" s="120" t="s">
        <v>502</v>
      </c>
      <c r="D120" s="118" t="s">
        <v>517</v>
      </c>
      <c r="E120" s="120"/>
      <c r="F120" s="118" t="s">
        <v>512</v>
      </c>
      <c r="G120" s="118" t="s">
        <v>513</v>
      </c>
      <c r="H120" s="120">
        <v>1981</v>
      </c>
      <c r="I120" s="118"/>
      <c r="J120" s="118" t="s">
        <v>119</v>
      </c>
      <c r="K120" s="120"/>
      <c r="L120" s="16"/>
      <c r="M120" s="118" t="s">
        <v>518</v>
      </c>
      <c r="N120" s="120" t="s">
        <v>882</v>
      </c>
      <c r="O120" s="119" t="s">
        <v>56</v>
      </c>
      <c r="P120" s="119" t="s">
        <v>56</v>
      </c>
      <c r="Q120" s="119" t="s">
        <v>56</v>
      </c>
      <c r="R120" s="119" t="s">
        <v>56</v>
      </c>
      <c r="S120" s="119" t="s">
        <v>56</v>
      </c>
      <c r="T120" s="119" t="s">
        <v>56</v>
      </c>
      <c r="U120" s="119" t="s">
        <v>56</v>
      </c>
      <c r="V120" s="119" t="s">
        <v>56</v>
      </c>
      <c r="W120" s="120"/>
    </row>
    <row r="121" spans="1:23" ht="28.8">
      <c r="A121" s="120">
        <v>118</v>
      </c>
      <c r="B121" s="120" t="s">
        <v>494</v>
      </c>
      <c r="C121" s="120" t="s">
        <v>502</v>
      </c>
      <c r="D121" s="118" t="s">
        <v>851</v>
      </c>
      <c r="E121" s="120"/>
      <c r="F121" s="118" t="s">
        <v>512</v>
      </c>
      <c r="G121" s="118" t="s">
        <v>513</v>
      </c>
      <c r="H121" s="120">
        <v>1985</v>
      </c>
      <c r="I121" s="118"/>
      <c r="J121" s="118" t="s">
        <v>119</v>
      </c>
      <c r="K121" s="120"/>
      <c r="L121" s="16"/>
      <c r="M121" s="118" t="s">
        <v>519</v>
      </c>
      <c r="N121" s="120" t="s">
        <v>882</v>
      </c>
      <c r="O121" s="119" t="s">
        <v>56</v>
      </c>
      <c r="P121" s="119" t="s">
        <v>56</v>
      </c>
      <c r="Q121" s="119" t="s">
        <v>56</v>
      </c>
      <c r="R121" s="119" t="s">
        <v>56</v>
      </c>
      <c r="S121" s="119" t="s">
        <v>56</v>
      </c>
      <c r="T121" s="119" t="s">
        <v>56</v>
      </c>
      <c r="U121" s="119" t="s">
        <v>56</v>
      </c>
      <c r="V121" s="119" t="s">
        <v>56</v>
      </c>
      <c r="W121" s="120"/>
    </row>
    <row r="122" spans="1:23" ht="100.8">
      <c r="A122" s="120">
        <v>119</v>
      </c>
      <c r="B122" s="120" t="s">
        <v>494</v>
      </c>
      <c r="C122" s="120" t="s">
        <v>502</v>
      </c>
      <c r="D122" s="118" t="s">
        <v>520</v>
      </c>
      <c r="E122" s="120"/>
      <c r="F122" s="118" t="s">
        <v>512</v>
      </c>
      <c r="G122" s="118" t="s">
        <v>513</v>
      </c>
      <c r="H122" s="120">
        <v>1944</v>
      </c>
      <c r="I122" s="118"/>
      <c r="J122" s="118" t="s">
        <v>119</v>
      </c>
      <c r="K122" s="120"/>
      <c r="L122" s="16"/>
      <c r="M122" s="118" t="s">
        <v>521</v>
      </c>
      <c r="N122" s="120" t="s">
        <v>882</v>
      </c>
      <c r="O122" s="119" t="s">
        <v>56</v>
      </c>
      <c r="P122" s="119" t="s">
        <v>56</v>
      </c>
      <c r="Q122" s="119" t="s">
        <v>56</v>
      </c>
      <c r="R122" s="119" t="s">
        <v>56</v>
      </c>
      <c r="S122" s="119" t="s">
        <v>56</v>
      </c>
      <c r="T122" s="119" t="s">
        <v>56</v>
      </c>
      <c r="U122" s="119" t="s">
        <v>56</v>
      </c>
      <c r="V122" s="119" t="s">
        <v>56</v>
      </c>
      <c r="W122" s="120"/>
    </row>
    <row r="123" spans="1:23" ht="28.8">
      <c r="A123" s="120">
        <v>120</v>
      </c>
      <c r="B123" s="120" t="s">
        <v>494</v>
      </c>
      <c r="C123" s="120" t="s">
        <v>502</v>
      </c>
      <c r="D123" s="118" t="s">
        <v>522</v>
      </c>
      <c r="E123" s="120"/>
      <c r="F123" s="118" t="s">
        <v>512</v>
      </c>
      <c r="G123" s="118" t="s">
        <v>513</v>
      </c>
      <c r="H123" s="120">
        <v>1987</v>
      </c>
      <c r="I123" s="118"/>
      <c r="J123" s="118" t="s">
        <v>119</v>
      </c>
      <c r="K123" s="120"/>
      <c r="L123" s="16"/>
      <c r="M123" s="118" t="s">
        <v>523</v>
      </c>
      <c r="N123" s="120" t="s">
        <v>882</v>
      </c>
      <c r="O123" s="119" t="s">
        <v>56</v>
      </c>
      <c r="P123" s="119" t="s">
        <v>56</v>
      </c>
      <c r="Q123" s="119" t="s">
        <v>56</v>
      </c>
      <c r="R123" s="119" t="s">
        <v>56</v>
      </c>
      <c r="S123" s="119" t="s">
        <v>56</v>
      </c>
      <c r="T123" s="119" t="s">
        <v>56</v>
      </c>
      <c r="U123" s="119" t="s">
        <v>56</v>
      </c>
      <c r="V123" s="119" t="s">
        <v>56</v>
      </c>
      <c r="W123" s="120"/>
    </row>
    <row r="124" spans="1:23" ht="28.8">
      <c r="A124" s="120">
        <v>121</v>
      </c>
      <c r="B124" s="120" t="s">
        <v>494</v>
      </c>
      <c r="C124" s="120" t="s">
        <v>502</v>
      </c>
      <c r="D124" s="118" t="s">
        <v>524</v>
      </c>
      <c r="E124" s="120"/>
      <c r="F124" s="118" t="s">
        <v>512</v>
      </c>
      <c r="G124" s="118" t="s">
        <v>513</v>
      </c>
      <c r="H124" s="120">
        <v>1988</v>
      </c>
      <c r="I124" s="118"/>
      <c r="J124" s="118" t="s">
        <v>119</v>
      </c>
      <c r="K124" s="120"/>
      <c r="L124" s="16"/>
      <c r="M124" s="118" t="s">
        <v>525</v>
      </c>
      <c r="N124" s="120" t="s">
        <v>882</v>
      </c>
      <c r="O124" s="119" t="s">
        <v>56</v>
      </c>
      <c r="P124" s="119" t="s">
        <v>56</v>
      </c>
      <c r="Q124" s="119" t="s">
        <v>56</v>
      </c>
      <c r="R124" s="119" t="s">
        <v>56</v>
      </c>
      <c r="S124" s="119" t="s">
        <v>56</v>
      </c>
      <c r="T124" s="119" t="s">
        <v>56</v>
      </c>
      <c r="U124" s="119" t="s">
        <v>56</v>
      </c>
      <c r="V124" s="119" t="s">
        <v>56</v>
      </c>
      <c r="W124" s="120"/>
    </row>
    <row r="125" spans="1:23" ht="28.8">
      <c r="A125" s="120">
        <v>122</v>
      </c>
      <c r="B125" s="120" t="s">
        <v>494</v>
      </c>
      <c r="C125" s="120" t="s">
        <v>502</v>
      </c>
      <c r="D125" s="118" t="s">
        <v>852</v>
      </c>
      <c r="E125" s="120"/>
      <c r="F125" s="118" t="s">
        <v>512</v>
      </c>
      <c r="G125" s="118" t="s">
        <v>513</v>
      </c>
      <c r="H125" s="120">
        <v>1989</v>
      </c>
      <c r="I125" s="118"/>
      <c r="J125" s="118" t="s">
        <v>119</v>
      </c>
      <c r="K125" s="120"/>
      <c r="L125" s="16"/>
      <c r="M125" s="118" t="s">
        <v>526</v>
      </c>
      <c r="N125" s="120" t="s">
        <v>882</v>
      </c>
      <c r="O125" s="119" t="s">
        <v>56</v>
      </c>
      <c r="P125" s="119" t="s">
        <v>56</v>
      </c>
      <c r="Q125" s="119" t="s">
        <v>56</v>
      </c>
      <c r="R125" s="119" t="s">
        <v>56</v>
      </c>
      <c r="S125" s="119" t="s">
        <v>56</v>
      </c>
      <c r="T125" s="119" t="s">
        <v>56</v>
      </c>
      <c r="U125" s="119" t="s">
        <v>56</v>
      </c>
      <c r="V125" s="119" t="s">
        <v>56</v>
      </c>
      <c r="W125" s="120"/>
    </row>
    <row r="126" spans="1:23" ht="28.8">
      <c r="A126" s="120">
        <v>123</v>
      </c>
      <c r="B126" s="120" t="s">
        <v>494</v>
      </c>
      <c r="C126" s="120" t="s">
        <v>502</v>
      </c>
      <c r="D126" s="118" t="s">
        <v>527</v>
      </c>
      <c r="E126" s="120"/>
      <c r="F126" s="118" t="s">
        <v>512</v>
      </c>
      <c r="G126" s="118" t="s">
        <v>513</v>
      </c>
      <c r="H126" s="120">
        <v>2003</v>
      </c>
      <c r="I126" s="118"/>
      <c r="J126" s="118" t="s">
        <v>119</v>
      </c>
      <c r="K126" s="120"/>
      <c r="L126" s="16"/>
      <c r="M126" s="118" t="s">
        <v>528</v>
      </c>
      <c r="N126" s="120" t="s">
        <v>882</v>
      </c>
      <c r="O126" s="119" t="s">
        <v>56</v>
      </c>
      <c r="P126" s="119" t="s">
        <v>56</v>
      </c>
      <c r="Q126" s="119" t="s">
        <v>56</v>
      </c>
      <c r="R126" s="119" t="s">
        <v>56</v>
      </c>
      <c r="S126" s="119" t="s">
        <v>56</v>
      </c>
      <c r="T126" s="119" t="s">
        <v>56</v>
      </c>
      <c r="U126" s="119" t="s">
        <v>56</v>
      </c>
      <c r="V126" s="119" t="s">
        <v>56</v>
      </c>
      <c r="W126" s="120"/>
    </row>
    <row r="127" spans="1:23">
      <c r="A127" s="120">
        <v>124</v>
      </c>
      <c r="B127" s="120" t="s">
        <v>494</v>
      </c>
      <c r="C127" s="120" t="s">
        <v>502</v>
      </c>
      <c r="D127" s="118" t="s">
        <v>529</v>
      </c>
      <c r="E127" s="120"/>
      <c r="F127" s="118" t="s">
        <v>512</v>
      </c>
      <c r="G127" s="118" t="s">
        <v>513</v>
      </c>
      <c r="H127" s="120">
        <v>2001</v>
      </c>
      <c r="I127" s="118"/>
      <c r="J127" s="118" t="s">
        <v>119</v>
      </c>
      <c r="K127" s="120"/>
      <c r="L127" s="16"/>
      <c r="M127" s="118" t="s">
        <v>530</v>
      </c>
      <c r="N127" s="120" t="s">
        <v>882</v>
      </c>
      <c r="O127" s="119" t="s">
        <v>56</v>
      </c>
      <c r="P127" s="119" t="s">
        <v>56</v>
      </c>
      <c r="Q127" s="119" t="s">
        <v>56</v>
      </c>
      <c r="R127" s="119" t="s">
        <v>56</v>
      </c>
      <c r="S127" s="119" t="s">
        <v>56</v>
      </c>
      <c r="T127" s="119" t="s">
        <v>56</v>
      </c>
      <c r="U127" s="119" t="s">
        <v>56</v>
      </c>
      <c r="V127" s="119" t="s">
        <v>56</v>
      </c>
      <c r="W127" s="120"/>
    </row>
    <row r="128" spans="1:23" ht="43.2">
      <c r="A128" s="120">
        <v>125</v>
      </c>
      <c r="B128" s="120" t="s">
        <v>494</v>
      </c>
      <c r="C128" s="120" t="s">
        <v>531</v>
      </c>
      <c r="D128" s="118" t="s">
        <v>532</v>
      </c>
      <c r="E128" s="120"/>
      <c r="F128" s="118" t="s">
        <v>494</v>
      </c>
      <c r="G128" s="118" t="s">
        <v>513</v>
      </c>
      <c r="H128" s="120">
        <v>2007</v>
      </c>
      <c r="I128" s="118"/>
      <c r="J128" s="118" t="s">
        <v>119</v>
      </c>
      <c r="K128" s="120"/>
      <c r="L128" s="16"/>
      <c r="M128" s="118" t="s">
        <v>533</v>
      </c>
      <c r="N128" s="120" t="s">
        <v>882</v>
      </c>
      <c r="O128" s="119" t="s">
        <v>56</v>
      </c>
      <c r="P128" s="119" t="s">
        <v>56</v>
      </c>
      <c r="Q128" s="119" t="s">
        <v>56</v>
      </c>
      <c r="R128" s="119" t="s">
        <v>56</v>
      </c>
      <c r="S128" s="119" t="s">
        <v>56</v>
      </c>
      <c r="T128" s="119" t="s">
        <v>56</v>
      </c>
      <c r="U128" s="119" t="s">
        <v>56</v>
      </c>
      <c r="V128" s="119" t="s">
        <v>56</v>
      </c>
      <c r="W128" s="120"/>
    </row>
    <row r="129" spans="1:23" ht="57.6">
      <c r="A129" s="120">
        <v>126</v>
      </c>
      <c r="B129" s="120" t="s">
        <v>534</v>
      </c>
      <c r="C129" s="120" t="s">
        <v>54</v>
      </c>
      <c r="D129" s="118" t="s">
        <v>535</v>
      </c>
      <c r="E129" s="120" t="s">
        <v>99</v>
      </c>
      <c r="F129" s="118" t="s">
        <v>536</v>
      </c>
      <c r="G129" s="118" t="s">
        <v>537</v>
      </c>
      <c r="H129" s="120">
        <v>1977</v>
      </c>
      <c r="I129" s="118"/>
      <c r="J129" s="118" t="s">
        <v>47</v>
      </c>
      <c r="K129" s="120"/>
      <c r="L129" s="16"/>
      <c r="M129" s="118" t="s">
        <v>538</v>
      </c>
      <c r="N129" s="120" t="s">
        <v>882</v>
      </c>
      <c r="O129" s="119" t="s">
        <v>56</v>
      </c>
      <c r="P129" s="119" t="s">
        <v>56</v>
      </c>
      <c r="Q129" s="119" t="s">
        <v>56</v>
      </c>
      <c r="R129" s="119" t="s">
        <v>56</v>
      </c>
      <c r="S129" s="119" t="s">
        <v>56</v>
      </c>
      <c r="T129" s="119" t="s">
        <v>56</v>
      </c>
      <c r="U129" s="119" t="s">
        <v>56</v>
      </c>
      <c r="V129" s="119" t="s">
        <v>56</v>
      </c>
      <c r="W129" s="120"/>
    </row>
    <row r="130" spans="1:23" ht="28.8">
      <c r="A130" s="120">
        <v>127</v>
      </c>
      <c r="B130" s="120" t="s">
        <v>541</v>
      </c>
      <c r="C130" s="120" t="s">
        <v>542</v>
      </c>
      <c r="D130" s="118" t="s">
        <v>543</v>
      </c>
      <c r="E130" s="120" t="s">
        <v>544</v>
      </c>
      <c r="F130" s="118" t="s">
        <v>545</v>
      </c>
      <c r="G130" s="118" t="s">
        <v>546</v>
      </c>
      <c r="H130" s="100">
        <v>2015</v>
      </c>
      <c r="I130" s="101"/>
      <c r="J130" s="101" t="s">
        <v>21</v>
      </c>
      <c r="K130" s="100">
        <v>1</v>
      </c>
      <c r="L130" s="102">
        <v>70339</v>
      </c>
      <c r="M130" s="118" t="s">
        <v>547</v>
      </c>
      <c r="N130" s="120" t="s">
        <v>882</v>
      </c>
      <c r="O130" s="119" t="s">
        <v>56</v>
      </c>
      <c r="P130" s="119" t="s">
        <v>56</v>
      </c>
      <c r="Q130" s="119" t="s">
        <v>56</v>
      </c>
      <c r="R130" s="119" t="s">
        <v>56</v>
      </c>
      <c r="S130" s="119" t="s">
        <v>56</v>
      </c>
      <c r="T130" s="119" t="s">
        <v>56</v>
      </c>
      <c r="U130" s="119" t="s">
        <v>56</v>
      </c>
      <c r="V130" s="119" t="s">
        <v>55</v>
      </c>
      <c r="W130" s="118"/>
    </row>
    <row r="131" spans="1:23" ht="28.8">
      <c r="A131" s="120">
        <v>128</v>
      </c>
      <c r="B131" s="120" t="s">
        <v>541</v>
      </c>
      <c r="C131" s="120" t="s">
        <v>548</v>
      </c>
      <c r="D131" s="118" t="s">
        <v>549</v>
      </c>
      <c r="E131" s="120" t="s">
        <v>550</v>
      </c>
      <c r="F131" s="118" t="s">
        <v>551</v>
      </c>
      <c r="G131" s="118" t="s">
        <v>552</v>
      </c>
      <c r="H131" s="100">
        <v>1989</v>
      </c>
      <c r="I131" s="101"/>
      <c r="J131" s="101" t="s">
        <v>22</v>
      </c>
      <c r="K131" s="100">
        <v>6</v>
      </c>
      <c r="L131" s="102">
        <v>465</v>
      </c>
      <c r="M131" s="118" t="s">
        <v>553</v>
      </c>
      <c r="N131" s="120" t="s">
        <v>882</v>
      </c>
      <c r="O131" s="119" t="s">
        <v>55</v>
      </c>
      <c r="P131" s="119" t="s">
        <v>55</v>
      </c>
      <c r="Q131" s="119" t="s">
        <v>55</v>
      </c>
      <c r="R131" s="119" t="s">
        <v>55</v>
      </c>
      <c r="S131" s="119" t="s">
        <v>55</v>
      </c>
      <c r="T131" s="119" t="s">
        <v>55</v>
      </c>
      <c r="U131" s="119" t="s">
        <v>56</v>
      </c>
      <c r="V131" s="119" t="s">
        <v>55</v>
      </c>
      <c r="W131" s="118"/>
    </row>
    <row r="132" spans="1:23" ht="28.8">
      <c r="A132" s="120">
        <v>129</v>
      </c>
      <c r="B132" s="120" t="s">
        <v>541</v>
      </c>
      <c r="C132" s="120" t="s">
        <v>548</v>
      </c>
      <c r="D132" s="118" t="s">
        <v>554</v>
      </c>
      <c r="E132" s="120" t="s">
        <v>555</v>
      </c>
      <c r="F132" s="118" t="s">
        <v>556</v>
      </c>
      <c r="G132" s="118" t="s">
        <v>557</v>
      </c>
      <c r="H132" s="100">
        <v>1966</v>
      </c>
      <c r="I132" s="101"/>
      <c r="J132" s="101" t="s">
        <v>22</v>
      </c>
      <c r="K132" s="100">
        <v>5</v>
      </c>
      <c r="L132" s="102">
        <v>175.5</v>
      </c>
      <c r="M132" s="118" t="s">
        <v>553</v>
      </c>
      <c r="N132" s="120" t="s">
        <v>882</v>
      </c>
      <c r="O132" s="119" t="s">
        <v>55</v>
      </c>
      <c r="P132" s="119" t="s">
        <v>56</v>
      </c>
      <c r="Q132" s="119" t="s">
        <v>56</v>
      </c>
      <c r="R132" s="119" t="s">
        <v>56</v>
      </c>
      <c r="S132" s="119" t="s">
        <v>55</v>
      </c>
      <c r="T132" s="119" t="s">
        <v>55</v>
      </c>
      <c r="U132" s="119" t="s">
        <v>56</v>
      </c>
      <c r="V132" s="119" t="s">
        <v>55</v>
      </c>
      <c r="W132" s="120"/>
    </row>
    <row r="133" spans="1:23" ht="28.8">
      <c r="A133" s="120">
        <v>130</v>
      </c>
      <c r="B133" s="120" t="s">
        <v>541</v>
      </c>
      <c r="C133" s="120" t="s">
        <v>542</v>
      </c>
      <c r="D133" s="118" t="s">
        <v>558</v>
      </c>
      <c r="E133" s="120" t="s">
        <v>559</v>
      </c>
      <c r="F133" s="118" t="s">
        <v>560</v>
      </c>
      <c r="G133" s="118" t="s">
        <v>561</v>
      </c>
      <c r="H133" s="100">
        <v>2012</v>
      </c>
      <c r="I133" s="101"/>
      <c r="J133" s="101" t="s">
        <v>38</v>
      </c>
      <c r="K133" s="100">
        <v>1</v>
      </c>
      <c r="L133" s="102">
        <v>37133.300000000003</v>
      </c>
      <c r="M133" s="118" t="s">
        <v>562</v>
      </c>
      <c r="N133" s="120" t="s">
        <v>882</v>
      </c>
      <c r="O133" s="119" t="s">
        <v>56</v>
      </c>
      <c r="P133" s="119" t="s">
        <v>55</v>
      </c>
      <c r="Q133" s="119" t="s">
        <v>56</v>
      </c>
      <c r="R133" s="119" t="s">
        <v>56</v>
      </c>
      <c r="S133" s="119" t="s">
        <v>56</v>
      </c>
      <c r="T133" s="119" t="s">
        <v>56</v>
      </c>
      <c r="U133" s="119" t="s">
        <v>56</v>
      </c>
      <c r="V133" s="119" t="s">
        <v>55</v>
      </c>
      <c r="W133" s="120"/>
    </row>
    <row r="134" spans="1:23" ht="28.8">
      <c r="A134" s="120">
        <v>131</v>
      </c>
      <c r="B134" s="120" t="s">
        <v>541</v>
      </c>
      <c r="C134" s="120" t="s">
        <v>548</v>
      </c>
      <c r="D134" s="118" t="s">
        <v>549</v>
      </c>
      <c r="E134" s="120" t="s">
        <v>550</v>
      </c>
      <c r="F134" s="118" t="s">
        <v>551</v>
      </c>
      <c r="G134" s="118" t="s">
        <v>552</v>
      </c>
      <c r="H134" s="120">
        <v>1989</v>
      </c>
      <c r="I134" s="118"/>
      <c r="J134" s="118" t="s">
        <v>29</v>
      </c>
      <c r="K134" s="120">
        <v>1</v>
      </c>
      <c r="L134" s="16">
        <v>168</v>
      </c>
      <c r="M134" s="118" t="s">
        <v>563</v>
      </c>
      <c r="N134" s="120" t="s">
        <v>882</v>
      </c>
      <c r="O134" s="119" t="s">
        <v>55</v>
      </c>
      <c r="P134" s="119" t="s">
        <v>55</v>
      </c>
      <c r="Q134" s="119" t="s">
        <v>55</v>
      </c>
      <c r="R134" s="119" t="s">
        <v>55</v>
      </c>
      <c r="S134" s="119" t="s">
        <v>55</v>
      </c>
      <c r="T134" s="119" t="s">
        <v>55</v>
      </c>
      <c r="U134" s="119" t="s">
        <v>56</v>
      </c>
      <c r="V134" s="119" t="s">
        <v>55</v>
      </c>
      <c r="W134" s="120"/>
    </row>
    <row r="135" spans="1:23">
      <c r="A135" s="120">
        <v>132</v>
      </c>
      <c r="B135" s="120" t="s">
        <v>564</v>
      </c>
      <c r="C135" s="120" t="s">
        <v>565</v>
      </c>
      <c r="D135" s="118" t="s">
        <v>566</v>
      </c>
      <c r="E135" s="120" t="s">
        <v>567</v>
      </c>
      <c r="F135" s="118" t="s">
        <v>568</v>
      </c>
      <c r="G135" s="118" t="s">
        <v>569</v>
      </c>
      <c r="H135" s="120">
        <v>1997</v>
      </c>
      <c r="I135" s="118"/>
      <c r="J135" s="118" t="s">
        <v>226</v>
      </c>
      <c r="K135" s="120" t="s">
        <v>96</v>
      </c>
      <c r="L135" s="16" t="s">
        <v>96</v>
      </c>
      <c r="M135" s="118" t="s">
        <v>570</v>
      </c>
      <c r="N135" s="120">
        <v>502</v>
      </c>
      <c r="O135" s="119" t="s">
        <v>55</v>
      </c>
      <c r="P135" s="119" t="s">
        <v>55</v>
      </c>
      <c r="Q135" s="119" t="s">
        <v>55</v>
      </c>
      <c r="R135" s="119" t="s">
        <v>55</v>
      </c>
      <c r="S135" s="119" t="s">
        <v>55</v>
      </c>
      <c r="T135" s="119" t="s">
        <v>55</v>
      </c>
      <c r="U135" s="119" t="s">
        <v>55</v>
      </c>
      <c r="V135" s="119" t="s">
        <v>55</v>
      </c>
      <c r="W135" s="120"/>
    </row>
    <row r="136" spans="1:23" ht="28.8">
      <c r="A136" s="120">
        <v>133</v>
      </c>
      <c r="B136" s="120" t="s">
        <v>571</v>
      </c>
      <c r="C136" s="118" t="s">
        <v>565</v>
      </c>
      <c r="D136" s="118" t="s">
        <v>572</v>
      </c>
      <c r="E136" s="120" t="s">
        <v>573</v>
      </c>
      <c r="F136" s="118" t="s">
        <v>574</v>
      </c>
      <c r="G136" s="118" t="s">
        <v>575</v>
      </c>
      <c r="H136" s="120">
        <v>1997</v>
      </c>
      <c r="I136" s="118"/>
      <c r="J136" s="118" t="s">
        <v>76</v>
      </c>
      <c r="K136" s="100" t="s">
        <v>366</v>
      </c>
      <c r="L136" s="16" t="s">
        <v>366</v>
      </c>
      <c r="M136" s="118" t="s">
        <v>576</v>
      </c>
      <c r="N136" s="120" t="s">
        <v>882</v>
      </c>
      <c r="O136" s="119" t="s">
        <v>56</v>
      </c>
      <c r="P136" s="119" t="s">
        <v>55</v>
      </c>
      <c r="Q136" s="119" t="s">
        <v>55</v>
      </c>
      <c r="R136" s="119" t="s">
        <v>56</v>
      </c>
      <c r="S136" s="119" t="s">
        <v>55</v>
      </c>
      <c r="T136" s="119" t="s">
        <v>55</v>
      </c>
      <c r="U136" s="119" t="s">
        <v>56</v>
      </c>
      <c r="V136" s="109" t="s">
        <v>55</v>
      </c>
      <c r="W136" s="118" t="s">
        <v>577</v>
      </c>
    </row>
    <row r="137" spans="1:23" ht="28.8">
      <c r="A137" s="120">
        <v>134</v>
      </c>
      <c r="B137" s="120" t="s">
        <v>571</v>
      </c>
      <c r="C137" s="118" t="s">
        <v>565</v>
      </c>
      <c r="D137" s="120" t="s">
        <v>572</v>
      </c>
      <c r="E137" s="120" t="s">
        <v>573</v>
      </c>
      <c r="F137" s="120" t="s">
        <v>574</v>
      </c>
      <c r="G137" s="120" t="s">
        <v>575</v>
      </c>
      <c r="H137" s="120">
        <v>1997</v>
      </c>
      <c r="I137" s="118"/>
      <c r="J137" s="118" t="s">
        <v>226</v>
      </c>
      <c r="K137" s="120" t="s">
        <v>366</v>
      </c>
      <c r="L137" s="121" t="s">
        <v>1001</v>
      </c>
      <c r="M137" s="118"/>
      <c r="N137" s="120" t="s">
        <v>961</v>
      </c>
      <c r="O137" s="119" t="s">
        <v>56</v>
      </c>
      <c r="P137" s="119" t="s">
        <v>55</v>
      </c>
      <c r="Q137" s="119" t="s">
        <v>55</v>
      </c>
      <c r="R137" s="119" t="s">
        <v>56</v>
      </c>
      <c r="S137" s="119" t="s">
        <v>55</v>
      </c>
      <c r="T137" s="119" t="s">
        <v>55</v>
      </c>
      <c r="U137" s="119" t="s">
        <v>56</v>
      </c>
      <c r="V137" s="119" t="s">
        <v>55</v>
      </c>
      <c r="W137" s="118" t="s">
        <v>1002</v>
      </c>
    </row>
    <row r="138" spans="1:23">
      <c r="A138" s="120">
        <v>135</v>
      </c>
      <c r="B138" s="120" t="s">
        <v>571</v>
      </c>
      <c r="C138" s="118" t="s">
        <v>565</v>
      </c>
      <c r="D138" s="120" t="s">
        <v>572</v>
      </c>
      <c r="E138" s="120" t="s">
        <v>573</v>
      </c>
      <c r="F138" s="120" t="s">
        <v>574</v>
      </c>
      <c r="G138" s="120" t="s">
        <v>575</v>
      </c>
      <c r="H138" s="120">
        <v>1997</v>
      </c>
      <c r="I138" s="118"/>
      <c r="J138" s="118" t="s">
        <v>47</v>
      </c>
      <c r="K138" s="120" t="s">
        <v>366</v>
      </c>
      <c r="L138" s="121">
        <v>292</v>
      </c>
      <c r="M138" s="118" t="s">
        <v>375</v>
      </c>
      <c r="N138" s="120" t="s">
        <v>961</v>
      </c>
      <c r="O138" s="119" t="s">
        <v>55</v>
      </c>
      <c r="P138" s="119" t="s">
        <v>55</v>
      </c>
      <c r="Q138" s="119" t="s">
        <v>55</v>
      </c>
      <c r="R138" s="119" t="s">
        <v>56</v>
      </c>
      <c r="S138" s="119" t="s">
        <v>55</v>
      </c>
      <c r="T138" s="119" t="s">
        <v>55</v>
      </c>
      <c r="U138" s="119" t="s">
        <v>56</v>
      </c>
      <c r="V138" s="119" t="s">
        <v>56</v>
      </c>
      <c r="W138" s="120"/>
    </row>
    <row r="139" spans="1:23" ht="28.8">
      <c r="A139" s="120">
        <v>136</v>
      </c>
      <c r="B139" s="120" t="s">
        <v>578</v>
      </c>
      <c r="C139" s="120" t="s">
        <v>579</v>
      </c>
      <c r="D139" s="118" t="s">
        <v>580</v>
      </c>
      <c r="E139" s="120" t="s">
        <v>581</v>
      </c>
      <c r="F139" s="118" t="s">
        <v>582</v>
      </c>
      <c r="G139" s="118" t="s">
        <v>583</v>
      </c>
      <c r="H139" s="120">
        <v>2016</v>
      </c>
      <c r="I139" s="118"/>
      <c r="J139" s="118" t="s">
        <v>226</v>
      </c>
      <c r="K139" s="120">
        <v>3</v>
      </c>
      <c r="L139" s="16" t="s">
        <v>333</v>
      </c>
      <c r="M139" s="118" t="s">
        <v>584</v>
      </c>
      <c r="N139" s="120" t="s">
        <v>882</v>
      </c>
      <c r="O139" s="119" t="s">
        <v>56</v>
      </c>
      <c r="P139" s="119" t="s">
        <v>55</v>
      </c>
      <c r="Q139" s="119" t="s">
        <v>55</v>
      </c>
      <c r="R139" s="119" t="s">
        <v>56</v>
      </c>
      <c r="S139" s="119" t="s">
        <v>56</v>
      </c>
      <c r="T139" s="119" t="s">
        <v>55</v>
      </c>
      <c r="U139" s="119" t="s">
        <v>55</v>
      </c>
      <c r="V139" s="119" t="s">
        <v>55</v>
      </c>
      <c r="W139" s="120"/>
    </row>
    <row r="140" spans="1:23" ht="28.8">
      <c r="A140" s="120">
        <v>137</v>
      </c>
      <c r="B140" s="120" t="s">
        <v>578</v>
      </c>
      <c r="C140" s="120" t="s">
        <v>579</v>
      </c>
      <c r="D140" s="118" t="s">
        <v>585</v>
      </c>
      <c r="E140" s="120" t="s">
        <v>581</v>
      </c>
      <c r="F140" s="118" t="s">
        <v>586</v>
      </c>
      <c r="G140" s="118" t="s">
        <v>587</v>
      </c>
      <c r="H140" s="120">
        <v>1996</v>
      </c>
      <c r="I140" s="118"/>
      <c r="J140" s="118" t="s">
        <v>226</v>
      </c>
      <c r="K140" s="120">
        <v>1</v>
      </c>
      <c r="L140" s="16" t="s">
        <v>333</v>
      </c>
      <c r="M140" s="118" t="s">
        <v>588</v>
      </c>
      <c r="N140" s="120" t="s">
        <v>882</v>
      </c>
      <c r="O140" s="119" t="s">
        <v>56</v>
      </c>
      <c r="P140" s="119" t="s">
        <v>55</v>
      </c>
      <c r="Q140" s="119" t="s">
        <v>55</v>
      </c>
      <c r="R140" s="119" t="s">
        <v>56</v>
      </c>
      <c r="S140" s="119" t="s">
        <v>55</v>
      </c>
      <c r="T140" s="119" t="s">
        <v>55</v>
      </c>
      <c r="U140" s="119" t="s">
        <v>56</v>
      </c>
      <c r="V140" s="119" t="s">
        <v>55</v>
      </c>
      <c r="W140" s="118"/>
    </row>
    <row r="141" spans="1:23" ht="28.8">
      <c r="A141" s="120">
        <v>138</v>
      </c>
      <c r="B141" s="120" t="s">
        <v>578</v>
      </c>
      <c r="C141" s="120" t="s">
        <v>579</v>
      </c>
      <c r="D141" s="118" t="s">
        <v>589</v>
      </c>
      <c r="E141" s="120" t="s">
        <v>590</v>
      </c>
      <c r="F141" s="118" t="s">
        <v>591</v>
      </c>
      <c r="G141" s="118" t="s">
        <v>592</v>
      </c>
      <c r="H141" s="120">
        <v>2004</v>
      </c>
      <c r="I141" s="118"/>
      <c r="J141" s="118" t="s">
        <v>226</v>
      </c>
      <c r="K141" s="120">
        <v>2</v>
      </c>
      <c r="L141" s="16" t="s">
        <v>333</v>
      </c>
      <c r="M141" s="118" t="s">
        <v>593</v>
      </c>
      <c r="N141" s="120" t="s">
        <v>882</v>
      </c>
      <c r="O141" s="119" t="s">
        <v>56</v>
      </c>
      <c r="P141" s="119" t="s">
        <v>56</v>
      </c>
      <c r="Q141" s="119" t="s">
        <v>56</v>
      </c>
      <c r="R141" s="119" t="s">
        <v>56</v>
      </c>
      <c r="S141" s="119" t="s">
        <v>56</v>
      </c>
      <c r="T141" s="119" t="s">
        <v>55</v>
      </c>
      <c r="U141" s="119" t="s">
        <v>56</v>
      </c>
      <c r="V141" s="119" t="s">
        <v>55</v>
      </c>
      <c r="W141" s="120"/>
    </row>
    <row r="142" spans="1:23" ht="28.8">
      <c r="A142" s="120">
        <v>139</v>
      </c>
      <c r="B142" s="120" t="s">
        <v>578</v>
      </c>
      <c r="C142" s="50" t="s">
        <v>488</v>
      </c>
      <c r="D142" s="52" t="s">
        <v>594</v>
      </c>
      <c r="E142" s="120" t="s">
        <v>58</v>
      </c>
      <c r="F142" s="118" t="s">
        <v>595</v>
      </c>
      <c r="G142" s="118" t="s">
        <v>596</v>
      </c>
      <c r="H142" s="120">
        <v>2020</v>
      </c>
      <c r="I142" s="118"/>
      <c r="J142" s="118" t="s">
        <v>76</v>
      </c>
      <c r="K142" s="120">
        <v>2</v>
      </c>
      <c r="L142" s="16" t="s">
        <v>69</v>
      </c>
      <c r="M142" s="118" t="s">
        <v>597</v>
      </c>
      <c r="N142" s="120" t="s">
        <v>882</v>
      </c>
      <c r="O142" s="119" t="s">
        <v>55</v>
      </c>
      <c r="P142" s="119" t="s">
        <v>56</v>
      </c>
      <c r="Q142" s="119" t="s">
        <v>55</v>
      </c>
      <c r="R142" s="119" t="s">
        <v>55</v>
      </c>
      <c r="S142" s="119" t="s">
        <v>56</v>
      </c>
      <c r="T142" s="119" t="s">
        <v>55</v>
      </c>
      <c r="U142" s="119" t="s">
        <v>55</v>
      </c>
      <c r="V142" s="119" t="s">
        <v>56</v>
      </c>
      <c r="W142" s="118"/>
    </row>
    <row r="143" spans="1:23" ht="28.8">
      <c r="A143" s="120">
        <v>140</v>
      </c>
      <c r="B143" s="100" t="s">
        <v>578</v>
      </c>
      <c r="C143" s="98" t="s">
        <v>579</v>
      </c>
      <c r="D143" s="101" t="s">
        <v>585</v>
      </c>
      <c r="E143" s="100" t="s">
        <v>936</v>
      </c>
      <c r="F143" s="101" t="s">
        <v>586</v>
      </c>
      <c r="G143" s="101" t="s">
        <v>937</v>
      </c>
      <c r="H143" s="100">
        <v>1996</v>
      </c>
      <c r="I143" s="101"/>
      <c r="J143" s="118" t="s">
        <v>47</v>
      </c>
      <c r="K143" s="100">
        <v>3</v>
      </c>
      <c r="L143" s="102"/>
      <c r="M143" s="101" t="s">
        <v>953</v>
      </c>
      <c r="N143" s="100" t="s">
        <v>925</v>
      </c>
      <c r="O143" s="109" t="s">
        <v>56</v>
      </c>
      <c r="P143" s="109" t="s">
        <v>55</v>
      </c>
      <c r="Q143" s="109" t="s">
        <v>55</v>
      </c>
      <c r="R143" s="109" t="s">
        <v>56</v>
      </c>
      <c r="S143" s="109" t="s">
        <v>55</v>
      </c>
      <c r="T143" s="109" t="s">
        <v>55</v>
      </c>
      <c r="U143" s="109" t="s">
        <v>56</v>
      </c>
      <c r="V143" s="109" t="s">
        <v>55</v>
      </c>
      <c r="W143" s="101"/>
    </row>
    <row r="144" spans="1:23" ht="28.8">
      <c r="A144" s="120">
        <v>141</v>
      </c>
      <c r="B144" s="100" t="s">
        <v>578</v>
      </c>
      <c r="C144" s="98" t="s">
        <v>579</v>
      </c>
      <c r="D144" s="97" t="s">
        <v>585</v>
      </c>
      <c r="E144" s="100" t="s">
        <v>936</v>
      </c>
      <c r="F144" s="101" t="s">
        <v>586</v>
      </c>
      <c r="G144" s="101" t="s">
        <v>937</v>
      </c>
      <c r="H144" s="100">
        <v>1996</v>
      </c>
      <c r="I144" s="101"/>
      <c r="J144" s="118" t="s">
        <v>47</v>
      </c>
      <c r="K144" s="100">
        <v>1</v>
      </c>
      <c r="L144" s="102"/>
      <c r="M144" s="101" t="s">
        <v>954</v>
      </c>
      <c r="N144" s="100" t="s">
        <v>925</v>
      </c>
      <c r="O144" s="109" t="s">
        <v>56</v>
      </c>
      <c r="P144" s="109" t="s">
        <v>55</v>
      </c>
      <c r="Q144" s="109" t="s">
        <v>55</v>
      </c>
      <c r="R144" s="109" t="s">
        <v>56</v>
      </c>
      <c r="S144" s="109" t="s">
        <v>55</v>
      </c>
      <c r="T144" s="109" t="s">
        <v>55</v>
      </c>
      <c r="U144" s="109" t="s">
        <v>56</v>
      </c>
      <c r="V144" s="109" t="s">
        <v>55</v>
      </c>
      <c r="W144" s="101"/>
    </row>
    <row r="145" spans="1:23" ht="28.8">
      <c r="A145" s="120">
        <v>142</v>
      </c>
      <c r="B145" s="100" t="s">
        <v>578</v>
      </c>
      <c r="C145" s="98" t="s">
        <v>938</v>
      </c>
      <c r="D145" s="97" t="s">
        <v>939</v>
      </c>
      <c r="E145" s="100" t="s">
        <v>172</v>
      </c>
      <c r="F145" s="101" t="s">
        <v>578</v>
      </c>
      <c r="G145" s="101" t="s">
        <v>940</v>
      </c>
      <c r="H145" s="100">
        <v>1960</v>
      </c>
      <c r="I145" s="100" t="s">
        <v>172</v>
      </c>
      <c r="J145" s="118" t="s">
        <v>119</v>
      </c>
      <c r="K145" s="100" t="s">
        <v>172</v>
      </c>
      <c r="L145" s="100" t="s">
        <v>172</v>
      </c>
      <c r="M145" s="101" t="s">
        <v>955</v>
      </c>
      <c r="N145" s="100" t="s">
        <v>882</v>
      </c>
      <c r="O145" s="109" t="s">
        <v>56</v>
      </c>
      <c r="P145" s="109" t="s">
        <v>56</v>
      </c>
      <c r="Q145" s="109" t="s">
        <v>56</v>
      </c>
      <c r="R145" s="109" t="s">
        <v>56</v>
      </c>
      <c r="S145" s="109" t="s">
        <v>56</v>
      </c>
      <c r="T145" s="109" t="s">
        <v>56</v>
      </c>
      <c r="U145" s="109" t="s">
        <v>56</v>
      </c>
      <c r="V145" s="109" t="s">
        <v>56</v>
      </c>
      <c r="W145" s="101"/>
    </row>
    <row r="146" spans="1:23" ht="28.8">
      <c r="A146" s="120">
        <v>143</v>
      </c>
      <c r="B146" s="100" t="s">
        <v>578</v>
      </c>
      <c r="C146" s="98" t="s">
        <v>938</v>
      </c>
      <c r="D146" s="97" t="s">
        <v>941</v>
      </c>
      <c r="E146" s="100" t="s">
        <v>172</v>
      </c>
      <c r="F146" s="101" t="s">
        <v>578</v>
      </c>
      <c r="G146" s="101" t="s">
        <v>940</v>
      </c>
      <c r="H146" s="100">
        <v>1960</v>
      </c>
      <c r="I146" s="100" t="s">
        <v>172</v>
      </c>
      <c r="J146" s="118" t="s">
        <v>119</v>
      </c>
      <c r="K146" s="100" t="s">
        <v>172</v>
      </c>
      <c r="L146" s="100" t="s">
        <v>172</v>
      </c>
      <c r="M146" s="101" t="s">
        <v>956</v>
      </c>
      <c r="N146" s="100" t="s">
        <v>882</v>
      </c>
      <c r="O146" s="109" t="s">
        <v>56</v>
      </c>
      <c r="P146" s="109" t="s">
        <v>56</v>
      </c>
      <c r="Q146" s="109" t="s">
        <v>56</v>
      </c>
      <c r="R146" s="109" t="s">
        <v>56</v>
      </c>
      <c r="S146" s="109" t="s">
        <v>56</v>
      </c>
      <c r="T146" s="109" t="s">
        <v>56</v>
      </c>
      <c r="U146" s="109" t="s">
        <v>56</v>
      </c>
      <c r="V146" s="109" t="s">
        <v>56</v>
      </c>
      <c r="W146" s="101"/>
    </row>
    <row r="147" spans="1:23" ht="28.8">
      <c r="A147" s="120">
        <v>144</v>
      </c>
      <c r="B147" s="100" t="s">
        <v>578</v>
      </c>
      <c r="C147" s="98" t="s">
        <v>938</v>
      </c>
      <c r="D147" s="97" t="s">
        <v>942</v>
      </c>
      <c r="E147" s="100" t="s">
        <v>172</v>
      </c>
      <c r="F147" s="101" t="s">
        <v>578</v>
      </c>
      <c r="G147" s="101" t="s">
        <v>940</v>
      </c>
      <c r="H147" s="100">
        <v>1980</v>
      </c>
      <c r="I147" s="100" t="s">
        <v>172</v>
      </c>
      <c r="J147" s="118" t="s">
        <v>119</v>
      </c>
      <c r="K147" s="100" t="s">
        <v>172</v>
      </c>
      <c r="L147" s="100" t="s">
        <v>172</v>
      </c>
      <c r="M147" s="101" t="s">
        <v>957</v>
      </c>
      <c r="N147" s="100" t="s">
        <v>882</v>
      </c>
      <c r="O147" s="109" t="s">
        <v>56</v>
      </c>
      <c r="P147" s="109" t="s">
        <v>56</v>
      </c>
      <c r="Q147" s="109" t="s">
        <v>56</v>
      </c>
      <c r="R147" s="109" t="s">
        <v>56</v>
      </c>
      <c r="S147" s="109" t="s">
        <v>56</v>
      </c>
      <c r="T147" s="109" t="s">
        <v>56</v>
      </c>
      <c r="U147" s="109" t="s">
        <v>56</v>
      </c>
      <c r="V147" s="109" t="s">
        <v>56</v>
      </c>
      <c r="W147" s="101"/>
    </row>
    <row r="148" spans="1:23" ht="28.8">
      <c r="A148" s="120">
        <v>145</v>
      </c>
      <c r="B148" s="100" t="s">
        <v>578</v>
      </c>
      <c r="C148" s="98" t="s">
        <v>938</v>
      </c>
      <c r="D148" s="97" t="s">
        <v>943</v>
      </c>
      <c r="E148" s="100" t="s">
        <v>172</v>
      </c>
      <c r="F148" s="101" t="s">
        <v>578</v>
      </c>
      <c r="G148" s="101" t="s">
        <v>940</v>
      </c>
      <c r="H148" s="100" t="s">
        <v>405</v>
      </c>
      <c r="I148" s="100" t="s">
        <v>172</v>
      </c>
      <c r="J148" s="118" t="s">
        <v>119</v>
      </c>
      <c r="K148" s="100" t="s">
        <v>172</v>
      </c>
      <c r="L148" s="100" t="s">
        <v>172</v>
      </c>
      <c r="M148" s="101" t="s">
        <v>958</v>
      </c>
      <c r="N148" s="100" t="s">
        <v>882</v>
      </c>
      <c r="O148" s="109" t="s">
        <v>56</v>
      </c>
      <c r="P148" s="109" t="s">
        <v>56</v>
      </c>
      <c r="Q148" s="109" t="s">
        <v>56</v>
      </c>
      <c r="R148" s="109" t="s">
        <v>56</v>
      </c>
      <c r="S148" s="109" t="s">
        <v>56</v>
      </c>
      <c r="T148" s="109" t="s">
        <v>56</v>
      </c>
      <c r="U148" s="109" t="s">
        <v>56</v>
      </c>
      <c r="V148" s="109" t="s">
        <v>56</v>
      </c>
      <c r="W148" s="101"/>
    </row>
    <row r="149" spans="1:23">
      <c r="A149" s="120">
        <v>146</v>
      </c>
      <c r="B149" s="100" t="s">
        <v>578</v>
      </c>
      <c r="C149" s="98" t="s">
        <v>938</v>
      </c>
      <c r="D149" s="97" t="s">
        <v>944</v>
      </c>
      <c r="E149" s="100" t="s">
        <v>172</v>
      </c>
      <c r="F149" s="101" t="s">
        <v>578</v>
      </c>
      <c r="G149" s="101" t="s">
        <v>940</v>
      </c>
      <c r="H149" s="100" t="s">
        <v>405</v>
      </c>
      <c r="I149" s="100" t="s">
        <v>172</v>
      </c>
      <c r="J149" s="118" t="s">
        <v>119</v>
      </c>
      <c r="K149" s="100" t="s">
        <v>172</v>
      </c>
      <c r="L149" s="100" t="s">
        <v>172</v>
      </c>
      <c r="M149" s="101" t="s">
        <v>959</v>
      </c>
      <c r="N149" s="100" t="s">
        <v>882</v>
      </c>
      <c r="O149" s="109" t="s">
        <v>56</v>
      </c>
      <c r="P149" s="109" t="s">
        <v>56</v>
      </c>
      <c r="Q149" s="109" t="s">
        <v>56</v>
      </c>
      <c r="R149" s="109" t="s">
        <v>56</v>
      </c>
      <c r="S149" s="109" t="s">
        <v>56</v>
      </c>
      <c r="T149" s="109" t="s">
        <v>56</v>
      </c>
      <c r="U149" s="109" t="s">
        <v>56</v>
      </c>
      <c r="V149" s="109" t="s">
        <v>56</v>
      </c>
      <c r="W149" s="101"/>
    </row>
    <row r="150" spans="1:23" ht="28.8">
      <c r="A150" s="120">
        <v>147</v>
      </c>
      <c r="B150" s="100" t="s">
        <v>578</v>
      </c>
      <c r="C150" s="98" t="s">
        <v>938</v>
      </c>
      <c r="D150" s="97" t="s">
        <v>945</v>
      </c>
      <c r="E150" s="100" t="s">
        <v>172</v>
      </c>
      <c r="F150" s="101" t="s">
        <v>578</v>
      </c>
      <c r="G150" s="101" t="s">
        <v>940</v>
      </c>
      <c r="H150" s="100" t="s">
        <v>405</v>
      </c>
      <c r="I150" s="100" t="s">
        <v>172</v>
      </c>
      <c r="J150" s="118" t="s">
        <v>119</v>
      </c>
      <c r="K150" s="100" t="s">
        <v>172</v>
      </c>
      <c r="L150" s="100" t="s">
        <v>172</v>
      </c>
      <c r="M150" s="101" t="s">
        <v>956</v>
      </c>
      <c r="N150" s="100" t="s">
        <v>882</v>
      </c>
      <c r="O150" s="109" t="s">
        <v>56</v>
      </c>
      <c r="P150" s="109" t="s">
        <v>56</v>
      </c>
      <c r="Q150" s="109" t="s">
        <v>56</v>
      </c>
      <c r="R150" s="109" t="s">
        <v>56</v>
      </c>
      <c r="S150" s="109" t="s">
        <v>56</v>
      </c>
      <c r="T150" s="109" t="s">
        <v>56</v>
      </c>
      <c r="U150" s="109" t="s">
        <v>56</v>
      </c>
      <c r="V150" s="109" t="s">
        <v>56</v>
      </c>
      <c r="W150" s="101"/>
    </row>
    <row r="151" spans="1:23" ht="28.8">
      <c r="A151" s="120">
        <v>148</v>
      </c>
      <c r="B151" s="100" t="s">
        <v>578</v>
      </c>
      <c r="C151" s="98" t="s">
        <v>946</v>
      </c>
      <c r="D151" s="97" t="s">
        <v>947</v>
      </c>
      <c r="E151" s="100" t="s">
        <v>948</v>
      </c>
      <c r="F151" s="101" t="s">
        <v>949</v>
      </c>
      <c r="G151" s="101" t="s">
        <v>950</v>
      </c>
      <c r="H151" s="100">
        <v>2007</v>
      </c>
      <c r="I151" s="101" t="s">
        <v>951</v>
      </c>
      <c r="J151" s="118" t="s">
        <v>38</v>
      </c>
      <c r="K151" s="100" t="s">
        <v>172</v>
      </c>
      <c r="L151" s="100" t="s">
        <v>172</v>
      </c>
      <c r="M151" s="101" t="s">
        <v>960</v>
      </c>
      <c r="N151" s="100" t="s">
        <v>961</v>
      </c>
      <c r="O151" s="109" t="s">
        <v>55</v>
      </c>
      <c r="P151" s="109" t="s">
        <v>55</v>
      </c>
      <c r="Q151" s="109" t="s">
        <v>56</v>
      </c>
      <c r="R151" s="109" t="s">
        <v>55</v>
      </c>
      <c r="S151" s="109" t="s">
        <v>55</v>
      </c>
      <c r="T151" s="109" t="s">
        <v>56</v>
      </c>
      <c r="U151" s="109" t="s">
        <v>56</v>
      </c>
      <c r="V151" s="109" t="s">
        <v>56</v>
      </c>
      <c r="W151" s="101"/>
    </row>
    <row r="152" spans="1:23" ht="43.2">
      <c r="A152" s="120">
        <v>149</v>
      </c>
      <c r="B152" s="100" t="s">
        <v>578</v>
      </c>
      <c r="C152" s="98" t="s">
        <v>946</v>
      </c>
      <c r="D152" s="97" t="s">
        <v>947</v>
      </c>
      <c r="E152" s="100" t="s">
        <v>948</v>
      </c>
      <c r="F152" s="101" t="s">
        <v>949</v>
      </c>
      <c r="G152" s="101" t="s">
        <v>950</v>
      </c>
      <c r="H152" s="100">
        <v>2007</v>
      </c>
      <c r="I152" s="101" t="s">
        <v>952</v>
      </c>
      <c r="J152" s="118" t="s">
        <v>38</v>
      </c>
      <c r="K152" s="100" t="s">
        <v>172</v>
      </c>
      <c r="L152" s="100" t="s">
        <v>172</v>
      </c>
      <c r="M152" s="101" t="s">
        <v>962</v>
      </c>
      <c r="N152" s="100" t="s">
        <v>961</v>
      </c>
      <c r="O152" s="109" t="s">
        <v>56</v>
      </c>
      <c r="P152" s="109" t="s">
        <v>55</v>
      </c>
      <c r="Q152" s="109" t="s">
        <v>56</v>
      </c>
      <c r="R152" s="109" t="s">
        <v>56</v>
      </c>
      <c r="S152" s="109" t="s">
        <v>56</v>
      </c>
      <c r="T152" s="109" t="s">
        <v>56</v>
      </c>
      <c r="U152" s="109" t="s">
        <v>56</v>
      </c>
      <c r="V152" s="109" t="s">
        <v>56</v>
      </c>
      <c r="W152" s="101"/>
    </row>
    <row r="153" spans="1:23">
      <c r="A153" s="120">
        <v>150</v>
      </c>
      <c r="B153" s="120" t="s">
        <v>598</v>
      </c>
      <c r="C153" s="120" t="s">
        <v>599</v>
      </c>
      <c r="D153" s="118" t="s">
        <v>853</v>
      </c>
      <c r="E153" s="120" t="s">
        <v>600</v>
      </c>
      <c r="F153" s="118" t="s">
        <v>601</v>
      </c>
      <c r="G153" s="118" t="s">
        <v>602</v>
      </c>
      <c r="H153" s="119" t="s">
        <v>96</v>
      </c>
      <c r="I153" s="14"/>
      <c r="J153" s="118" t="s">
        <v>119</v>
      </c>
      <c r="K153" s="120">
        <v>1</v>
      </c>
      <c r="L153" s="55" t="s">
        <v>96</v>
      </c>
      <c r="M153" s="118" t="s">
        <v>603</v>
      </c>
      <c r="N153" s="120" t="s">
        <v>882</v>
      </c>
      <c r="O153" s="119" t="s">
        <v>56</v>
      </c>
      <c r="P153" s="119" t="s">
        <v>56</v>
      </c>
      <c r="Q153" s="119" t="s">
        <v>56</v>
      </c>
      <c r="R153" s="119" t="s">
        <v>56</v>
      </c>
      <c r="S153" s="119" t="s">
        <v>56</v>
      </c>
      <c r="T153" s="119" t="s">
        <v>55</v>
      </c>
      <c r="U153" s="119" t="s">
        <v>56</v>
      </c>
      <c r="V153" s="119" t="s">
        <v>56</v>
      </c>
      <c r="W153" s="120"/>
    </row>
    <row r="154" spans="1:23" ht="28.8">
      <c r="A154" s="120">
        <v>151</v>
      </c>
      <c r="B154" s="120" t="s">
        <v>598</v>
      </c>
      <c r="C154" s="120" t="s">
        <v>599</v>
      </c>
      <c r="D154" s="118" t="s">
        <v>854</v>
      </c>
      <c r="E154" s="120" t="s">
        <v>600</v>
      </c>
      <c r="F154" s="118" t="s">
        <v>604</v>
      </c>
      <c r="G154" s="118" t="s">
        <v>602</v>
      </c>
      <c r="H154" s="119" t="s">
        <v>96</v>
      </c>
      <c r="I154" s="14"/>
      <c r="J154" s="118" t="s">
        <v>119</v>
      </c>
      <c r="K154" s="120">
        <v>1</v>
      </c>
      <c r="L154" s="55" t="s">
        <v>96</v>
      </c>
      <c r="M154" s="118" t="s">
        <v>603</v>
      </c>
      <c r="N154" s="120" t="s">
        <v>882</v>
      </c>
      <c r="O154" s="119" t="s">
        <v>56</v>
      </c>
      <c r="P154" s="119" t="s">
        <v>56</v>
      </c>
      <c r="Q154" s="119" t="s">
        <v>56</v>
      </c>
      <c r="R154" s="119" t="s">
        <v>56</v>
      </c>
      <c r="S154" s="119" t="s">
        <v>56</v>
      </c>
      <c r="T154" s="119" t="s">
        <v>56</v>
      </c>
      <c r="U154" s="119" t="s">
        <v>56</v>
      </c>
      <c r="V154" s="119" t="s">
        <v>56</v>
      </c>
      <c r="W154" s="118"/>
    </row>
    <row r="155" spans="1:23" ht="28.8">
      <c r="A155" s="120">
        <v>152</v>
      </c>
      <c r="B155" s="120" t="s">
        <v>598</v>
      </c>
      <c r="C155" s="120" t="s">
        <v>599</v>
      </c>
      <c r="D155" s="118" t="s">
        <v>866</v>
      </c>
      <c r="E155" s="120" t="s">
        <v>605</v>
      </c>
      <c r="F155" s="118" t="s">
        <v>606</v>
      </c>
      <c r="G155" s="118" t="s">
        <v>602</v>
      </c>
      <c r="H155" s="119" t="s">
        <v>96</v>
      </c>
      <c r="I155" s="14"/>
      <c r="J155" s="118" t="s">
        <v>119</v>
      </c>
      <c r="K155" s="120">
        <v>1</v>
      </c>
      <c r="L155" s="55" t="s">
        <v>96</v>
      </c>
      <c r="M155" s="118" t="s">
        <v>603</v>
      </c>
      <c r="N155" s="120" t="s">
        <v>882</v>
      </c>
      <c r="O155" s="119" t="s">
        <v>56</v>
      </c>
      <c r="P155" s="119" t="s">
        <v>56</v>
      </c>
      <c r="Q155" s="119" t="s">
        <v>56</v>
      </c>
      <c r="R155" s="119" t="s">
        <v>56</v>
      </c>
      <c r="S155" s="119" t="s">
        <v>56</v>
      </c>
      <c r="T155" s="119" t="s">
        <v>56</v>
      </c>
      <c r="U155" s="119" t="s">
        <v>56</v>
      </c>
      <c r="V155" s="119" t="s">
        <v>56</v>
      </c>
      <c r="W155" s="120"/>
    </row>
    <row r="156" spans="1:23" ht="28.8">
      <c r="A156" s="120">
        <v>153</v>
      </c>
      <c r="B156" s="120" t="s">
        <v>598</v>
      </c>
      <c r="C156" s="120" t="s">
        <v>599</v>
      </c>
      <c r="D156" s="118" t="s">
        <v>855</v>
      </c>
      <c r="E156" s="120" t="s">
        <v>607</v>
      </c>
      <c r="F156" s="118" t="s">
        <v>608</v>
      </c>
      <c r="G156" s="118" t="s">
        <v>602</v>
      </c>
      <c r="H156" s="119" t="s">
        <v>96</v>
      </c>
      <c r="I156" s="14"/>
      <c r="J156" s="118" t="s">
        <v>119</v>
      </c>
      <c r="K156" s="120">
        <v>1</v>
      </c>
      <c r="L156" s="55" t="s">
        <v>96</v>
      </c>
      <c r="M156" s="118" t="s">
        <v>603</v>
      </c>
      <c r="N156" s="120" t="s">
        <v>882</v>
      </c>
      <c r="O156" s="119" t="s">
        <v>56</v>
      </c>
      <c r="P156" s="119" t="s">
        <v>56</v>
      </c>
      <c r="Q156" s="119" t="s">
        <v>56</v>
      </c>
      <c r="R156" s="119" t="s">
        <v>56</v>
      </c>
      <c r="S156" s="119" t="s">
        <v>56</v>
      </c>
      <c r="T156" s="119" t="s">
        <v>56</v>
      </c>
      <c r="U156" s="119" t="s">
        <v>56</v>
      </c>
      <c r="V156" s="119" t="s">
        <v>56</v>
      </c>
      <c r="W156" s="120"/>
    </row>
    <row r="157" spans="1:23" ht="28.8">
      <c r="A157" s="120">
        <v>154</v>
      </c>
      <c r="B157" s="120" t="s">
        <v>598</v>
      </c>
      <c r="C157" s="120" t="s">
        <v>599</v>
      </c>
      <c r="D157" s="118" t="s">
        <v>856</v>
      </c>
      <c r="E157" s="120" t="s">
        <v>607</v>
      </c>
      <c r="F157" s="118" t="s">
        <v>608</v>
      </c>
      <c r="G157" s="118" t="s">
        <v>602</v>
      </c>
      <c r="H157" s="119" t="s">
        <v>96</v>
      </c>
      <c r="I157" s="14"/>
      <c r="J157" s="118" t="s">
        <v>119</v>
      </c>
      <c r="K157" s="120">
        <v>1</v>
      </c>
      <c r="L157" s="55" t="s">
        <v>96</v>
      </c>
      <c r="M157" s="118" t="s">
        <v>603</v>
      </c>
      <c r="N157" s="120" t="s">
        <v>882</v>
      </c>
      <c r="O157" s="119" t="s">
        <v>56</v>
      </c>
      <c r="P157" s="119" t="s">
        <v>56</v>
      </c>
      <c r="Q157" s="119" t="s">
        <v>56</v>
      </c>
      <c r="R157" s="119" t="s">
        <v>56</v>
      </c>
      <c r="S157" s="119" t="s">
        <v>56</v>
      </c>
      <c r="T157" s="119" t="s">
        <v>56</v>
      </c>
      <c r="U157" s="119" t="s">
        <v>56</v>
      </c>
      <c r="V157" s="119" t="s">
        <v>56</v>
      </c>
      <c r="W157" s="120"/>
    </row>
    <row r="158" spans="1:23" ht="28.8">
      <c r="A158" s="120">
        <v>155</v>
      </c>
      <c r="B158" s="120" t="s">
        <v>598</v>
      </c>
      <c r="C158" s="120" t="s">
        <v>599</v>
      </c>
      <c r="D158" s="118" t="s">
        <v>867</v>
      </c>
      <c r="E158" s="120" t="s">
        <v>609</v>
      </c>
      <c r="F158" s="118" t="s">
        <v>610</v>
      </c>
      <c r="G158" s="118" t="s">
        <v>602</v>
      </c>
      <c r="H158" s="119" t="s">
        <v>96</v>
      </c>
      <c r="I158" s="14"/>
      <c r="J158" s="118" t="s">
        <v>119</v>
      </c>
      <c r="K158" s="120">
        <v>1</v>
      </c>
      <c r="L158" s="55" t="s">
        <v>96</v>
      </c>
      <c r="M158" s="118" t="s">
        <v>603</v>
      </c>
      <c r="N158" s="120" t="s">
        <v>882</v>
      </c>
      <c r="O158" s="119" t="s">
        <v>56</v>
      </c>
      <c r="P158" s="119" t="s">
        <v>56</v>
      </c>
      <c r="Q158" s="119" t="s">
        <v>56</v>
      </c>
      <c r="R158" s="119" t="s">
        <v>56</v>
      </c>
      <c r="S158" s="119" t="s">
        <v>56</v>
      </c>
      <c r="T158" s="119" t="s">
        <v>56</v>
      </c>
      <c r="U158" s="119" t="s">
        <v>56</v>
      </c>
      <c r="V158" s="119" t="s">
        <v>56</v>
      </c>
      <c r="W158" s="120"/>
    </row>
    <row r="159" spans="1:23">
      <c r="A159" s="120">
        <v>156</v>
      </c>
      <c r="B159" s="120" t="s">
        <v>598</v>
      </c>
      <c r="C159" s="120" t="s">
        <v>599</v>
      </c>
      <c r="D159" s="118" t="s">
        <v>857</v>
      </c>
      <c r="E159" s="120" t="s">
        <v>607</v>
      </c>
      <c r="F159" s="118" t="s">
        <v>608</v>
      </c>
      <c r="G159" s="118" t="s">
        <v>602</v>
      </c>
      <c r="H159" s="119" t="s">
        <v>96</v>
      </c>
      <c r="I159" s="14"/>
      <c r="J159" s="118" t="s">
        <v>119</v>
      </c>
      <c r="K159" s="120">
        <v>1</v>
      </c>
      <c r="L159" s="55" t="s">
        <v>96</v>
      </c>
      <c r="M159" s="118" t="s">
        <v>603</v>
      </c>
      <c r="N159" s="120" t="s">
        <v>882</v>
      </c>
      <c r="O159" s="119" t="s">
        <v>56</v>
      </c>
      <c r="P159" s="119" t="s">
        <v>56</v>
      </c>
      <c r="Q159" s="119" t="s">
        <v>56</v>
      </c>
      <c r="R159" s="119" t="s">
        <v>56</v>
      </c>
      <c r="S159" s="119" t="s">
        <v>56</v>
      </c>
      <c r="T159" s="119" t="s">
        <v>56</v>
      </c>
      <c r="U159" s="119" t="s">
        <v>56</v>
      </c>
      <c r="V159" s="119" t="s">
        <v>56</v>
      </c>
      <c r="W159" s="120"/>
    </row>
    <row r="160" spans="1:23" ht="28.8">
      <c r="A160" s="120">
        <v>157</v>
      </c>
      <c r="B160" s="120" t="s">
        <v>598</v>
      </c>
      <c r="C160" s="120" t="s">
        <v>599</v>
      </c>
      <c r="D160" s="118" t="s">
        <v>611</v>
      </c>
      <c r="E160" s="120" t="s">
        <v>600</v>
      </c>
      <c r="F160" s="118" t="s">
        <v>601</v>
      </c>
      <c r="G160" s="118" t="s">
        <v>602</v>
      </c>
      <c r="H160" s="120">
        <v>2008</v>
      </c>
      <c r="I160" s="118"/>
      <c r="J160" s="118" t="s">
        <v>119</v>
      </c>
      <c r="K160" s="120">
        <v>1</v>
      </c>
      <c r="L160" s="55" t="s">
        <v>96</v>
      </c>
      <c r="M160" s="118" t="s">
        <v>603</v>
      </c>
      <c r="N160" s="120" t="s">
        <v>882</v>
      </c>
      <c r="O160" s="119" t="s">
        <v>56</v>
      </c>
      <c r="P160" s="119" t="s">
        <v>56</v>
      </c>
      <c r="Q160" s="119" t="s">
        <v>56</v>
      </c>
      <c r="R160" s="119" t="s">
        <v>56</v>
      </c>
      <c r="S160" s="119" t="s">
        <v>56</v>
      </c>
      <c r="T160" s="119" t="s">
        <v>56</v>
      </c>
      <c r="U160" s="119" t="s">
        <v>56</v>
      </c>
      <c r="V160" s="119" t="s">
        <v>56</v>
      </c>
      <c r="W160" s="120"/>
    </row>
    <row r="161" spans="1:23">
      <c r="A161" s="120">
        <v>158</v>
      </c>
      <c r="B161" s="120" t="s">
        <v>612</v>
      </c>
      <c r="C161" s="120" t="s">
        <v>613</v>
      </c>
      <c r="D161" s="118" t="s">
        <v>614</v>
      </c>
      <c r="E161" s="120" t="s">
        <v>615</v>
      </c>
      <c r="F161" s="118" t="s">
        <v>616</v>
      </c>
      <c r="G161" s="118" t="s">
        <v>617</v>
      </c>
      <c r="H161" s="120">
        <v>2015</v>
      </c>
      <c r="I161" s="118"/>
      <c r="J161" s="118" t="s">
        <v>43</v>
      </c>
      <c r="K161" s="120">
        <v>1</v>
      </c>
      <c r="L161" s="16">
        <v>79500</v>
      </c>
      <c r="M161" s="118"/>
      <c r="N161" s="120" t="s">
        <v>882</v>
      </c>
      <c r="O161" s="119" t="s">
        <v>56</v>
      </c>
      <c r="P161" s="119" t="s">
        <v>56</v>
      </c>
      <c r="Q161" s="119" t="s">
        <v>56</v>
      </c>
      <c r="R161" s="119" t="s">
        <v>55</v>
      </c>
      <c r="S161" s="119" t="s">
        <v>56</v>
      </c>
      <c r="T161" s="119" t="s">
        <v>55</v>
      </c>
      <c r="U161" s="119" t="s">
        <v>55</v>
      </c>
      <c r="V161" s="119" t="s">
        <v>55</v>
      </c>
      <c r="W161" s="120"/>
    </row>
    <row r="162" spans="1:23">
      <c r="A162" s="120">
        <v>159</v>
      </c>
      <c r="B162" s="95" t="s">
        <v>618</v>
      </c>
      <c r="C162" s="95" t="s">
        <v>54</v>
      </c>
      <c r="D162" s="107" t="s">
        <v>858</v>
      </c>
      <c r="E162" s="95" t="s">
        <v>619</v>
      </c>
      <c r="F162" s="107" t="s">
        <v>620</v>
      </c>
      <c r="G162" s="107" t="s">
        <v>621</v>
      </c>
      <c r="H162" s="95">
        <v>1987</v>
      </c>
      <c r="I162" s="107"/>
      <c r="J162" s="107" t="s">
        <v>226</v>
      </c>
      <c r="K162" s="95">
        <v>1</v>
      </c>
      <c r="L162" s="54" t="s">
        <v>622</v>
      </c>
      <c r="M162" s="118" t="s">
        <v>603</v>
      </c>
      <c r="N162" s="120" t="s">
        <v>882</v>
      </c>
      <c r="O162" s="119" t="s">
        <v>55</v>
      </c>
      <c r="P162" s="119" t="s">
        <v>55</v>
      </c>
      <c r="Q162" s="119" t="s">
        <v>55</v>
      </c>
      <c r="R162" s="119" t="s">
        <v>55</v>
      </c>
      <c r="S162" s="119" t="s">
        <v>55</v>
      </c>
      <c r="T162" s="119" t="s">
        <v>55</v>
      </c>
      <c r="U162" s="119" t="s">
        <v>56</v>
      </c>
      <c r="V162" s="119" t="s">
        <v>55</v>
      </c>
      <c r="W162" s="120"/>
    </row>
    <row r="163" spans="1:23">
      <c r="A163" s="120">
        <v>160</v>
      </c>
      <c r="B163" s="95" t="s">
        <v>618</v>
      </c>
      <c r="C163" s="95" t="s">
        <v>54</v>
      </c>
      <c r="D163" s="107" t="s">
        <v>858</v>
      </c>
      <c r="E163" s="95" t="s">
        <v>619</v>
      </c>
      <c r="F163" s="107" t="s">
        <v>620</v>
      </c>
      <c r="G163" s="107" t="s">
        <v>621</v>
      </c>
      <c r="H163" s="95">
        <v>1987</v>
      </c>
      <c r="I163" s="107"/>
      <c r="J163" s="107" t="s">
        <v>47</v>
      </c>
      <c r="K163" s="95">
        <v>1</v>
      </c>
      <c r="L163" s="54">
        <v>61.68</v>
      </c>
      <c r="M163" s="107" t="s">
        <v>623</v>
      </c>
      <c r="N163" s="120" t="s">
        <v>882</v>
      </c>
      <c r="O163" s="119" t="s">
        <v>55</v>
      </c>
      <c r="P163" s="119" t="s">
        <v>56</v>
      </c>
      <c r="Q163" s="119" t="s">
        <v>56</v>
      </c>
      <c r="R163" s="119" t="s">
        <v>56</v>
      </c>
      <c r="S163" s="119" t="s">
        <v>55</v>
      </c>
      <c r="T163" s="119" t="s">
        <v>55</v>
      </c>
      <c r="U163" s="119" t="s">
        <v>56</v>
      </c>
      <c r="V163" s="119" t="s">
        <v>56</v>
      </c>
      <c r="W163" s="118"/>
    </row>
    <row r="164" spans="1:23">
      <c r="A164" s="120">
        <v>161</v>
      </c>
      <c r="B164" s="95" t="s">
        <v>618</v>
      </c>
      <c r="C164" s="95" t="s">
        <v>54</v>
      </c>
      <c r="D164" s="107" t="s">
        <v>858</v>
      </c>
      <c r="E164" s="95" t="s">
        <v>619</v>
      </c>
      <c r="F164" s="107" t="s">
        <v>620</v>
      </c>
      <c r="G164" s="107" t="s">
        <v>621</v>
      </c>
      <c r="H164" s="95">
        <v>1987</v>
      </c>
      <c r="I164" s="107"/>
      <c r="J164" s="118" t="s">
        <v>47</v>
      </c>
      <c r="K164" s="120">
        <v>1</v>
      </c>
      <c r="L164" s="16">
        <v>188.5</v>
      </c>
      <c r="M164" s="118" t="s">
        <v>624</v>
      </c>
      <c r="N164" s="120" t="s">
        <v>882</v>
      </c>
      <c r="O164" s="119" t="s">
        <v>55</v>
      </c>
      <c r="P164" s="119" t="s">
        <v>56</v>
      </c>
      <c r="Q164" s="119" t="s">
        <v>56</v>
      </c>
      <c r="R164" s="119" t="s">
        <v>55</v>
      </c>
      <c r="S164" s="119" t="s">
        <v>55</v>
      </c>
      <c r="T164" s="119" t="s">
        <v>55</v>
      </c>
      <c r="U164" s="119" t="s">
        <v>56</v>
      </c>
      <c r="V164" s="119" t="s">
        <v>55</v>
      </c>
      <c r="W164" s="120"/>
    </row>
    <row r="165" spans="1:23" ht="43.2">
      <c r="A165" s="120">
        <v>162</v>
      </c>
      <c r="B165" s="95" t="s">
        <v>625</v>
      </c>
      <c r="C165" s="95" t="s">
        <v>626</v>
      </c>
      <c r="D165" s="107" t="s">
        <v>627</v>
      </c>
      <c r="E165" s="95" t="s">
        <v>628</v>
      </c>
      <c r="F165" s="107" t="s">
        <v>859</v>
      </c>
      <c r="G165" s="118" t="s">
        <v>629</v>
      </c>
      <c r="H165" s="120">
        <v>1982</v>
      </c>
      <c r="I165" s="118"/>
      <c r="J165" s="118" t="s">
        <v>630</v>
      </c>
      <c r="K165" s="120">
        <v>0</v>
      </c>
      <c r="L165" s="16">
        <v>26000.9</v>
      </c>
      <c r="M165" s="118" t="s">
        <v>631</v>
      </c>
      <c r="N165" s="120" t="s">
        <v>882</v>
      </c>
      <c r="O165" s="119" t="s">
        <v>56</v>
      </c>
      <c r="P165" s="119" t="s">
        <v>56</v>
      </c>
      <c r="Q165" s="119" t="s">
        <v>56</v>
      </c>
      <c r="R165" s="119" t="s">
        <v>56</v>
      </c>
      <c r="S165" s="119" t="s">
        <v>56</v>
      </c>
      <c r="T165" s="119" t="s">
        <v>56</v>
      </c>
      <c r="U165" s="119" t="s">
        <v>56</v>
      </c>
      <c r="V165" s="119" t="s">
        <v>56</v>
      </c>
      <c r="W165" s="120"/>
    </row>
    <row r="166" spans="1:23" ht="28.8">
      <c r="A166" s="120">
        <v>163</v>
      </c>
      <c r="B166" s="95" t="s">
        <v>625</v>
      </c>
      <c r="C166" s="95" t="s">
        <v>626</v>
      </c>
      <c r="D166" s="107" t="s">
        <v>632</v>
      </c>
      <c r="E166" s="95" t="s">
        <v>628</v>
      </c>
      <c r="F166" s="107" t="s">
        <v>633</v>
      </c>
      <c r="G166" s="118" t="s">
        <v>634</v>
      </c>
      <c r="H166" s="120">
        <v>1980</v>
      </c>
      <c r="I166" s="118"/>
      <c r="J166" s="118" t="s">
        <v>226</v>
      </c>
      <c r="K166" s="120">
        <v>1</v>
      </c>
      <c r="L166" s="16">
        <v>4000</v>
      </c>
      <c r="M166" s="118" t="s">
        <v>226</v>
      </c>
      <c r="N166" s="120" t="s">
        <v>882</v>
      </c>
      <c r="O166" s="119" t="s">
        <v>55</v>
      </c>
      <c r="P166" s="119" t="s">
        <v>56</v>
      </c>
      <c r="Q166" s="119" t="s">
        <v>55</v>
      </c>
      <c r="R166" s="119" t="s">
        <v>55</v>
      </c>
      <c r="S166" s="119" t="s">
        <v>56</v>
      </c>
      <c r="T166" s="119" t="s">
        <v>55</v>
      </c>
      <c r="U166" s="119" t="s">
        <v>55</v>
      </c>
      <c r="V166" s="119" t="s">
        <v>56</v>
      </c>
      <c r="W166" s="120"/>
    </row>
    <row r="167" spans="1:23">
      <c r="A167" s="120">
        <v>164</v>
      </c>
      <c r="B167" s="3" t="s">
        <v>963</v>
      </c>
      <c r="C167" s="3" t="s">
        <v>964</v>
      </c>
      <c r="D167" s="75" t="s">
        <v>967</v>
      </c>
      <c r="E167" s="3"/>
      <c r="F167" s="3" t="s">
        <v>963</v>
      </c>
      <c r="G167" s="75" t="s">
        <v>965</v>
      </c>
      <c r="H167" s="3"/>
      <c r="I167" s="118"/>
      <c r="J167" s="52" t="s">
        <v>119</v>
      </c>
      <c r="K167" s="103" t="s">
        <v>333</v>
      </c>
      <c r="L167" s="104" t="s">
        <v>69</v>
      </c>
      <c r="M167" s="105" t="s">
        <v>333</v>
      </c>
      <c r="N167" s="106" t="s">
        <v>966</v>
      </c>
      <c r="O167" s="64" t="s">
        <v>56</v>
      </c>
      <c r="P167" s="64" t="s">
        <v>56</v>
      </c>
      <c r="Q167" s="64" t="s">
        <v>56</v>
      </c>
      <c r="R167" s="64" t="s">
        <v>56</v>
      </c>
      <c r="S167" s="64" t="s">
        <v>56</v>
      </c>
      <c r="T167" s="64" t="s">
        <v>56</v>
      </c>
      <c r="U167" s="64" t="s">
        <v>56</v>
      </c>
      <c r="V167" s="64" t="s">
        <v>56</v>
      </c>
      <c r="W167" s="63"/>
    </row>
    <row r="168" spans="1:23">
      <c r="A168" s="120">
        <v>165</v>
      </c>
      <c r="B168" s="3" t="s">
        <v>963</v>
      </c>
      <c r="C168" s="3" t="s">
        <v>964</v>
      </c>
      <c r="D168" s="75" t="s">
        <v>968</v>
      </c>
      <c r="E168" s="3"/>
      <c r="F168" s="3" t="s">
        <v>963</v>
      </c>
      <c r="G168" s="75" t="s">
        <v>965</v>
      </c>
      <c r="H168" s="3"/>
      <c r="I168" s="118"/>
      <c r="J168" s="52" t="s">
        <v>119</v>
      </c>
      <c r="K168" s="103" t="s">
        <v>333</v>
      </c>
      <c r="L168" s="104" t="s">
        <v>69</v>
      </c>
      <c r="M168" s="105" t="s">
        <v>333</v>
      </c>
      <c r="N168" s="106" t="s">
        <v>966</v>
      </c>
      <c r="O168" s="64" t="s">
        <v>56</v>
      </c>
      <c r="P168" s="64" t="s">
        <v>56</v>
      </c>
      <c r="Q168" s="64" t="s">
        <v>56</v>
      </c>
      <c r="R168" s="64" t="s">
        <v>56</v>
      </c>
      <c r="S168" s="64" t="s">
        <v>56</v>
      </c>
      <c r="T168" s="64" t="s">
        <v>56</v>
      </c>
      <c r="U168" s="64" t="s">
        <v>56</v>
      </c>
      <c r="V168" s="64" t="s">
        <v>56</v>
      </c>
      <c r="W168" s="63"/>
    </row>
    <row r="169" spans="1:23">
      <c r="A169" s="120">
        <v>166</v>
      </c>
      <c r="B169" s="3" t="s">
        <v>963</v>
      </c>
      <c r="C169" s="3" t="s">
        <v>964</v>
      </c>
      <c r="D169" s="75" t="s">
        <v>969</v>
      </c>
      <c r="E169" s="3"/>
      <c r="F169" s="3" t="s">
        <v>963</v>
      </c>
      <c r="G169" s="75" t="s">
        <v>965</v>
      </c>
      <c r="H169" s="3"/>
      <c r="I169" s="118"/>
      <c r="J169" s="52" t="s">
        <v>119</v>
      </c>
      <c r="K169" s="103" t="s">
        <v>333</v>
      </c>
      <c r="L169" s="104" t="s">
        <v>69</v>
      </c>
      <c r="M169" s="105" t="s">
        <v>333</v>
      </c>
      <c r="N169" s="106" t="s">
        <v>966</v>
      </c>
      <c r="O169" s="64" t="s">
        <v>56</v>
      </c>
      <c r="P169" s="64" t="s">
        <v>56</v>
      </c>
      <c r="Q169" s="64" t="s">
        <v>56</v>
      </c>
      <c r="R169" s="64" t="s">
        <v>56</v>
      </c>
      <c r="S169" s="64" t="s">
        <v>56</v>
      </c>
      <c r="T169" s="64" t="s">
        <v>56</v>
      </c>
      <c r="U169" s="64" t="s">
        <v>56</v>
      </c>
      <c r="V169" s="64" t="s">
        <v>56</v>
      </c>
      <c r="W169" s="63"/>
    </row>
    <row r="170" spans="1:23">
      <c r="A170" s="120">
        <v>167</v>
      </c>
      <c r="B170" s="3" t="s">
        <v>963</v>
      </c>
      <c r="C170" s="3" t="s">
        <v>964</v>
      </c>
      <c r="D170" s="75" t="s">
        <v>970</v>
      </c>
      <c r="E170" s="3"/>
      <c r="F170" s="3" t="s">
        <v>963</v>
      </c>
      <c r="G170" s="75" t="s">
        <v>965</v>
      </c>
      <c r="H170" s="3"/>
      <c r="I170" s="118"/>
      <c r="J170" s="52" t="s">
        <v>119</v>
      </c>
      <c r="K170" s="103" t="s">
        <v>333</v>
      </c>
      <c r="L170" s="104" t="s">
        <v>69</v>
      </c>
      <c r="M170" s="105" t="s">
        <v>333</v>
      </c>
      <c r="N170" s="106" t="s">
        <v>966</v>
      </c>
      <c r="O170" s="64" t="s">
        <v>56</v>
      </c>
      <c r="P170" s="64" t="s">
        <v>56</v>
      </c>
      <c r="Q170" s="64" t="s">
        <v>56</v>
      </c>
      <c r="R170" s="64" t="s">
        <v>56</v>
      </c>
      <c r="S170" s="64" t="s">
        <v>56</v>
      </c>
      <c r="T170" s="64" t="s">
        <v>56</v>
      </c>
      <c r="U170" s="64" t="s">
        <v>56</v>
      </c>
      <c r="V170" s="64" t="s">
        <v>56</v>
      </c>
      <c r="W170" s="63"/>
    </row>
    <row r="171" spans="1:23">
      <c r="A171" s="120">
        <v>168</v>
      </c>
      <c r="B171" s="3" t="s">
        <v>963</v>
      </c>
      <c r="C171" s="3" t="s">
        <v>964</v>
      </c>
      <c r="D171" s="75" t="s">
        <v>971</v>
      </c>
      <c r="E171" s="3"/>
      <c r="F171" s="3" t="s">
        <v>963</v>
      </c>
      <c r="G171" s="75" t="s">
        <v>965</v>
      </c>
      <c r="H171" s="3"/>
      <c r="I171" s="118"/>
      <c r="J171" s="52" t="s">
        <v>119</v>
      </c>
      <c r="K171" s="103" t="s">
        <v>333</v>
      </c>
      <c r="L171" s="104" t="s">
        <v>69</v>
      </c>
      <c r="M171" s="105" t="s">
        <v>333</v>
      </c>
      <c r="N171" s="106" t="s">
        <v>966</v>
      </c>
      <c r="O171" s="64" t="s">
        <v>56</v>
      </c>
      <c r="P171" s="64" t="s">
        <v>56</v>
      </c>
      <c r="Q171" s="64" t="s">
        <v>56</v>
      </c>
      <c r="R171" s="64" t="s">
        <v>56</v>
      </c>
      <c r="S171" s="64" t="s">
        <v>56</v>
      </c>
      <c r="T171" s="64" t="s">
        <v>56</v>
      </c>
      <c r="U171" s="64" t="s">
        <v>56</v>
      </c>
      <c r="V171" s="64" t="s">
        <v>56</v>
      </c>
      <c r="W171" s="63"/>
    </row>
    <row r="172" spans="1:23">
      <c r="A172" s="120">
        <v>169</v>
      </c>
      <c r="B172" s="95" t="s">
        <v>635</v>
      </c>
      <c r="C172" s="95" t="s">
        <v>54</v>
      </c>
      <c r="D172" s="107" t="s">
        <v>636</v>
      </c>
      <c r="E172" s="95" t="s">
        <v>637</v>
      </c>
      <c r="F172" s="107" t="s">
        <v>638</v>
      </c>
      <c r="G172" s="107" t="s">
        <v>639</v>
      </c>
      <c r="H172" s="95">
        <v>1994</v>
      </c>
      <c r="I172" s="107"/>
      <c r="J172" s="107" t="s">
        <v>226</v>
      </c>
      <c r="K172" s="95">
        <v>1</v>
      </c>
      <c r="L172" s="54">
        <v>220</v>
      </c>
      <c r="M172" s="118"/>
      <c r="N172" s="120" t="s">
        <v>882</v>
      </c>
      <c r="O172" s="119" t="s">
        <v>55</v>
      </c>
      <c r="P172" s="119" t="s">
        <v>55</v>
      </c>
      <c r="Q172" s="119" t="s">
        <v>55</v>
      </c>
      <c r="R172" s="119" t="s">
        <v>55</v>
      </c>
      <c r="S172" s="119" t="s">
        <v>55</v>
      </c>
      <c r="T172" s="119" t="s">
        <v>55</v>
      </c>
      <c r="U172" s="119" t="s">
        <v>55</v>
      </c>
      <c r="V172" s="109" t="s">
        <v>55</v>
      </c>
      <c r="W172" s="120"/>
    </row>
    <row r="173" spans="1:23">
      <c r="A173" s="120">
        <v>170</v>
      </c>
      <c r="B173" s="95" t="s">
        <v>635</v>
      </c>
      <c r="C173" s="95" t="s">
        <v>54</v>
      </c>
      <c r="D173" s="107" t="s">
        <v>636</v>
      </c>
      <c r="E173" s="95" t="s">
        <v>637</v>
      </c>
      <c r="F173" s="107" t="s">
        <v>638</v>
      </c>
      <c r="G173" s="107" t="s">
        <v>639</v>
      </c>
      <c r="H173" s="95">
        <v>1994</v>
      </c>
      <c r="I173" s="107"/>
      <c r="J173" s="107" t="s">
        <v>47</v>
      </c>
      <c r="K173" s="95"/>
      <c r="L173" s="54">
        <v>165</v>
      </c>
      <c r="M173" s="107" t="s">
        <v>640</v>
      </c>
      <c r="N173" s="120" t="s">
        <v>882</v>
      </c>
      <c r="O173" s="119" t="s">
        <v>55</v>
      </c>
      <c r="P173" s="119" t="s">
        <v>55</v>
      </c>
      <c r="Q173" s="119" t="s">
        <v>55</v>
      </c>
      <c r="R173" s="119" t="s">
        <v>55</v>
      </c>
      <c r="S173" s="119" t="s">
        <v>55</v>
      </c>
      <c r="T173" s="119" t="s">
        <v>55</v>
      </c>
      <c r="U173" s="119" t="s">
        <v>55</v>
      </c>
      <c r="V173" s="109" t="s">
        <v>55</v>
      </c>
      <c r="W173" s="118"/>
    </row>
    <row r="174" spans="1:23" ht="43.2">
      <c r="A174" s="120">
        <v>171</v>
      </c>
      <c r="B174" s="95" t="s">
        <v>641</v>
      </c>
      <c r="C174" s="95" t="s">
        <v>642</v>
      </c>
      <c r="D174" s="107" t="s">
        <v>643</v>
      </c>
      <c r="E174" s="95" t="s">
        <v>644</v>
      </c>
      <c r="F174" s="107" t="s">
        <v>645</v>
      </c>
      <c r="G174" s="107" t="s">
        <v>646</v>
      </c>
      <c r="H174" s="95">
        <v>2003</v>
      </c>
      <c r="I174" s="107"/>
      <c r="J174" s="107" t="s">
        <v>47</v>
      </c>
      <c r="K174" s="95">
        <v>1</v>
      </c>
      <c r="L174" s="54">
        <v>9300</v>
      </c>
      <c r="M174" s="118" t="s">
        <v>647</v>
      </c>
      <c r="N174" s="120" t="s">
        <v>882</v>
      </c>
      <c r="O174" s="119" t="s">
        <v>56</v>
      </c>
      <c r="P174" s="119" t="s">
        <v>56</v>
      </c>
      <c r="Q174" s="119" t="s">
        <v>55</v>
      </c>
      <c r="R174" s="119" t="s">
        <v>56</v>
      </c>
      <c r="S174" s="119" t="s">
        <v>56</v>
      </c>
      <c r="T174" s="119" t="s">
        <v>55</v>
      </c>
      <c r="U174" s="119" t="s">
        <v>56</v>
      </c>
      <c r="V174" s="119" t="s">
        <v>56</v>
      </c>
      <c r="W174" s="120"/>
    </row>
    <row r="175" spans="1:23" ht="43.2">
      <c r="A175" s="120">
        <v>172</v>
      </c>
      <c r="B175" s="95" t="s">
        <v>641</v>
      </c>
      <c r="C175" s="95" t="s">
        <v>642</v>
      </c>
      <c r="D175" s="107" t="s">
        <v>648</v>
      </c>
      <c r="E175" s="95" t="s">
        <v>649</v>
      </c>
      <c r="F175" s="107" t="s">
        <v>650</v>
      </c>
      <c r="G175" s="107" t="s">
        <v>651</v>
      </c>
      <c r="H175" s="95">
        <v>2013</v>
      </c>
      <c r="I175" s="107"/>
      <c r="J175" s="107" t="s">
        <v>47</v>
      </c>
      <c r="K175" s="95">
        <v>1</v>
      </c>
      <c r="L175" s="54">
        <v>9960</v>
      </c>
      <c r="M175" s="107" t="s">
        <v>652</v>
      </c>
      <c r="N175" s="120" t="s">
        <v>882</v>
      </c>
      <c r="O175" s="119" t="s">
        <v>56</v>
      </c>
      <c r="P175" s="119" t="s">
        <v>56</v>
      </c>
      <c r="Q175" s="119" t="s">
        <v>56</v>
      </c>
      <c r="R175" s="119" t="s">
        <v>56</v>
      </c>
      <c r="S175" s="119" t="s">
        <v>56</v>
      </c>
      <c r="T175" s="119" t="s">
        <v>56</v>
      </c>
      <c r="U175" s="119" t="s">
        <v>56</v>
      </c>
      <c r="V175" s="119" t="s">
        <v>56</v>
      </c>
      <c r="W175" s="118"/>
    </row>
    <row r="176" spans="1:23" ht="86.4">
      <c r="A176" s="120">
        <v>173</v>
      </c>
      <c r="B176" s="95" t="s">
        <v>641</v>
      </c>
      <c r="C176" s="95" t="s">
        <v>653</v>
      </c>
      <c r="D176" s="107" t="s">
        <v>654</v>
      </c>
      <c r="E176" s="95" t="s">
        <v>644</v>
      </c>
      <c r="F176" s="107" t="s">
        <v>655</v>
      </c>
      <c r="G176" s="118" t="s">
        <v>656</v>
      </c>
      <c r="H176" s="120">
        <v>1978</v>
      </c>
      <c r="I176" s="118"/>
      <c r="J176" s="118" t="s">
        <v>38</v>
      </c>
      <c r="K176" s="120">
        <v>1</v>
      </c>
      <c r="L176" s="55" t="s">
        <v>96</v>
      </c>
      <c r="M176" s="118" t="s">
        <v>657</v>
      </c>
      <c r="N176" s="120" t="s">
        <v>882</v>
      </c>
      <c r="O176" s="119" t="s">
        <v>56</v>
      </c>
      <c r="P176" s="119" t="s">
        <v>55</v>
      </c>
      <c r="Q176" s="119" t="s">
        <v>56</v>
      </c>
      <c r="R176" s="119" t="s">
        <v>56</v>
      </c>
      <c r="S176" s="119" t="s">
        <v>56</v>
      </c>
      <c r="T176" s="119" t="s">
        <v>55</v>
      </c>
      <c r="U176" s="119" t="s">
        <v>56</v>
      </c>
      <c r="V176" s="119" t="s">
        <v>56</v>
      </c>
      <c r="W176" s="120"/>
    </row>
    <row r="177" spans="1:23" ht="28.8">
      <c r="A177" s="120">
        <v>174</v>
      </c>
      <c r="B177" s="95" t="s">
        <v>641</v>
      </c>
      <c r="C177" s="95" t="s">
        <v>658</v>
      </c>
      <c r="D177" s="5" t="s">
        <v>860</v>
      </c>
      <c r="E177" s="119" t="s">
        <v>96</v>
      </c>
      <c r="F177" s="107" t="s">
        <v>659</v>
      </c>
      <c r="G177" s="118" t="s">
        <v>660</v>
      </c>
      <c r="H177" s="119" t="s">
        <v>96</v>
      </c>
      <c r="I177" s="14"/>
      <c r="J177" s="118" t="s">
        <v>119</v>
      </c>
      <c r="K177" s="120">
        <v>1</v>
      </c>
      <c r="L177" s="55" t="s">
        <v>96</v>
      </c>
      <c r="M177" s="118" t="s">
        <v>661</v>
      </c>
      <c r="N177" s="120" t="s">
        <v>882</v>
      </c>
      <c r="O177" s="119" t="s">
        <v>56</v>
      </c>
      <c r="P177" s="119" t="s">
        <v>56</v>
      </c>
      <c r="Q177" s="119" t="s">
        <v>56</v>
      </c>
      <c r="R177" s="119" t="s">
        <v>56</v>
      </c>
      <c r="S177" s="119" t="s">
        <v>56</v>
      </c>
      <c r="T177" s="119" t="s">
        <v>56</v>
      </c>
      <c r="U177" s="119" t="s">
        <v>56</v>
      </c>
      <c r="V177" s="119" t="s">
        <v>56</v>
      </c>
      <c r="W177" s="120"/>
    </row>
    <row r="178" spans="1:23" ht="28.8">
      <c r="A178" s="120">
        <v>175</v>
      </c>
      <c r="B178" s="95" t="s">
        <v>641</v>
      </c>
      <c r="C178" s="95" t="s">
        <v>658</v>
      </c>
      <c r="D178" s="5" t="s">
        <v>662</v>
      </c>
      <c r="E178" s="119" t="s">
        <v>96</v>
      </c>
      <c r="F178" s="107" t="s">
        <v>659</v>
      </c>
      <c r="G178" s="118" t="s">
        <v>660</v>
      </c>
      <c r="H178" s="119" t="s">
        <v>96</v>
      </c>
      <c r="I178" s="14"/>
      <c r="J178" s="118" t="s">
        <v>119</v>
      </c>
      <c r="K178" s="120">
        <v>1</v>
      </c>
      <c r="L178" s="55" t="s">
        <v>96</v>
      </c>
      <c r="M178" s="118" t="s">
        <v>663</v>
      </c>
      <c r="N178" s="120" t="s">
        <v>882</v>
      </c>
      <c r="O178" s="119" t="s">
        <v>56</v>
      </c>
      <c r="P178" s="119" t="s">
        <v>56</v>
      </c>
      <c r="Q178" s="119" t="s">
        <v>56</v>
      </c>
      <c r="R178" s="119" t="s">
        <v>56</v>
      </c>
      <c r="S178" s="119" t="s">
        <v>56</v>
      </c>
      <c r="T178" s="119" t="s">
        <v>56</v>
      </c>
      <c r="U178" s="119" t="s">
        <v>56</v>
      </c>
      <c r="V178" s="119" t="s">
        <v>56</v>
      </c>
      <c r="W178" s="120"/>
    </row>
    <row r="179" spans="1:23" ht="28.8">
      <c r="A179" s="120">
        <v>176</v>
      </c>
      <c r="B179" s="95" t="s">
        <v>641</v>
      </c>
      <c r="C179" s="95" t="s">
        <v>658</v>
      </c>
      <c r="D179" s="5" t="s">
        <v>664</v>
      </c>
      <c r="E179" s="119" t="s">
        <v>96</v>
      </c>
      <c r="F179" s="107" t="s">
        <v>659</v>
      </c>
      <c r="G179" s="107" t="s">
        <v>660</v>
      </c>
      <c r="H179" s="119" t="s">
        <v>96</v>
      </c>
      <c r="I179" s="14"/>
      <c r="J179" s="118" t="s">
        <v>119</v>
      </c>
      <c r="K179" s="120">
        <v>1</v>
      </c>
      <c r="L179" s="55" t="s">
        <v>96</v>
      </c>
      <c r="M179" s="118" t="s">
        <v>665</v>
      </c>
      <c r="N179" s="120" t="s">
        <v>882</v>
      </c>
      <c r="O179" s="119" t="s">
        <v>56</v>
      </c>
      <c r="P179" s="119" t="s">
        <v>56</v>
      </c>
      <c r="Q179" s="119" t="s">
        <v>56</v>
      </c>
      <c r="R179" s="119" t="s">
        <v>56</v>
      </c>
      <c r="S179" s="119" t="s">
        <v>56</v>
      </c>
      <c r="T179" s="119" t="s">
        <v>56</v>
      </c>
      <c r="U179" s="119" t="s">
        <v>56</v>
      </c>
      <c r="V179" s="119" t="s">
        <v>56</v>
      </c>
      <c r="W179" s="120"/>
    </row>
    <row r="180" spans="1:23" ht="28.8">
      <c r="A180" s="120">
        <v>177</v>
      </c>
      <c r="B180" s="95" t="s">
        <v>641</v>
      </c>
      <c r="C180" s="95" t="s">
        <v>658</v>
      </c>
      <c r="D180" s="5" t="s">
        <v>666</v>
      </c>
      <c r="E180" s="119" t="s">
        <v>96</v>
      </c>
      <c r="F180" s="107" t="s">
        <v>659</v>
      </c>
      <c r="G180" s="107" t="s">
        <v>660</v>
      </c>
      <c r="H180" s="119" t="s">
        <v>96</v>
      </c>
      <c r="I180" s="14"/>
      <c r="J180" s="118" t="s">
        <v>119</v>
      </c>
      <c r="K180" s="120">
        <v>1</v>
      </c>
      <c r="L180" s="55" t="s">
        <v>96</v>
      </c>
      <c r="M180" s="118" t="s">
        <v>667</v>
      </c>
      <c r="N180" s="120" t="s">
        <v>882</v>
      </c>
      <c r="O180" s="119" t="s">
        <v>56</v>
      </c>
      <c r="P180" s="119" t="s">
        <v>56</v>
      </c>
      <c r="Q180" s="119" t="s">
        <v>56</v>
      </c>
      <c r="R180" s="119" t="s">
        <v>56</v>
      </c>
      <c r="S180" s="119" t="s">
        <v>56</v>
      </c>
      <c r="T180" s="119" t="s">
        <v>56</v>
      </c>
      <c r="U180" s="119" t="s">
        <v>56</v>
      </c>
      <c r="V180" s="119" t="s">
        <v>56</v>
      </c>
      <c r="W180" s="95"/>
    </row>
    <row r="181" spans="1:23" ht="28.8">
      <c r="A181" s="120">
        <v>178</v>
      </c>
      <c r="B181" s="95" t="s">
        <v>641</v>
      </c>
      <c r="C181" s="95" t="s">
        <v>658</v>
      </c>
      <c r="D181" s="5" t="s">
        <v>668</v>
      </c>
      <c r="E181" s="119" t="s">
        <v>96</v>
      </c>
      <c r="F181" s="107" t="s">
        <v>659</v>
      </c>
      <c r="G181" s="107" t="s">
        <v>660</v>
      </c>
      <c r="H181" s="119" t="s">
        <v>96</v>
      </c>
      <c r="I181" s="14"/>
      <c r="J181" s="118" t="s">
        <v>119</v>
      </c>
      <c r="K181" s="120">
        <v>1</v>
      </c>
      <c r="L181" s="55" t="s">
        <v>96</v>
      </c>
      <c r="M181" s="118" t="s">
        <v>669</v>
      </c>
      <c r="N181" s="120" t="s">
        <v>882</v>
      </c>
      <c r="O181" s="119" t="s">
        <v>56</v>
      </c>
      <c r="P181" s="119" t="s">
        <v>56</v>
      </c>
      <c r="Q181" s="119" t="s">
        <v>56</v>
      </c>
      <c r="R181" s="119" t="s">
        <v>56</v>
      </c>
      <c r="S181" s="119" t="s">
        <v>56</v>
      </c>
      <c r="T181" s="119" t="s">
        <v>56</v>
      </c>
      <c r="U181" s="119" t="s">
        <v>56</v>
      </c>
      <c r="V181" s="119" t="s">
        <v>56</v>
      </c>
      <c r="W181" s="95"/>
    </row>
    <row r="182" spans="1:23" ht="28.8">
      <c r="A182" s="120">
        <v>179</v>
      </c>
      <c r="B182" s="95" t="s">
        <v>641</v>
      </c>
      <c r="C182" s="95" t="s">
        <v>658</v>
      </c>
      <c r="D182" s="5" t="s">
        <v>670</v>
      </c>
      <c r="E182" s="119" t="s">
        <v>96</v>
      </c>
      <c r="F182" s="107" t="s">
        <v>659</v>
      </c>
      <c r="G182" s="107" t="s">
        <v>660</v>
      </c>
      <c r="H182" s="119" t="s">
        <v>96</v>
      </c>
      <c r="I182" s="14"/>
      <c r="J182" s="118" t="s">
        <v>119</v>
      </c>
      <c r="K182" s="120">
        <v>1</v>
      </c>
      <c r="L182" s="55" t="s">
        <v>96</v>
      </c>
      <c r="M182" s="118" t="s">
        <v>671</v>
      </c>
      <c r="N182" s="120" t="s">
        <v>882</v>
      </c>
      <c r="O182" s="119" t="s">
        <v>56</v>
      </c>
      <c r="P182" s="119" t="s">
        <v>56</v>
      </c>
      <c r="Q182" s="119" t="s">
        <v>56</v>
      </c>
      <c r="R182" s="119" t="s">
        <v>56</v>
      </c>
      <c r="S182" s="119" t="s">
        <v>56</v>
      </c>
      <c r="T182" s="119" t="s">
        <v>56</v>
      </c>
      <c r="U182" s="119" t="s">
        <v>56</v>
      </c>
      <c r="V182" s="119" t="s">
        <v>56</v>
      </c>
      <c r="W182" s="95"/>
    </row>
    <row r="183" spans="1:23" ht="28.8">
      <c r="A183" s="120">
        <v>180</v>
      </c>
      <c r="B183" s="95" t="s">
        <v>641</v>
      </c>
      <c r="C183" s="95" t="s">
        <v>658</v>
      </c>
      <c r="D183" s="5" t="s">
        <v>672</v>
      </c>
      <c r="E183" s="119" t="s">
        <v>96</v>
      </c>
      <c r="F183" s="107" t="s">
        <v>659</v>
      </c>
      <c r="G183" s="107" t="s">
        <v>660</v>
      </c>
      <c r="H183" s="119" t="s">
        <v>96</v>
      </c>
      <c r="I183" s="14"/>
      <c r="J183" s="118" t="s">
        <v>119</v>
      </c>
      <c r="K183" s="120">
        <v>1</v>
      </c>
      <c r="L183" s="55" t="s">
        <v>96</v>
      </c>
      <c r="M183" s="118" t="s">
        <v>673</v>
      </c>
      <c r="N183" s="120" t="s">
        <v>882</v>
      </c>
      <c r="O183" s="119" t="s">
        <v>56</v>
      </c>
      <c r="P183" s="119" t="s">
        <v>56</v>
      </c>
      <c r="Q183" s="119" t="s">
        <v>56</v>
      </c>
      <c r="R183" s="119" t="s">
        <v>56</v>
      </c>
      <c r="S183" s="119" t="s">
        <v>56</v>
      </c>
      <c r="T183" s="119" t="s">
        <v>56</v>
      </c>
      <c r="U183" s="119" t="s">
        <v>56</v>
      </c>
      <c r="V183" s="119" t="s">
        <v>56</v>
      </c>
      <c r="W183" s="95"/>
    </row>
    <row r="184" spans="1:23" ht="28.8">
      <c r="A184" s="120">
        <v>181</v>
      </c>
      <c r="B184" s="95" t="s">
        <v>641</v>
      </c>
      <c r="C184" s="95" t="s">
        <v>658</v>
      </c>
      <c r="D184" s="5" t="s">
        <v>674</v>
      </c>
      <c r="E184" s="119" t="s">
        <v>96</v>
      </c>
      <c r="F184" s="107" t="s">
        <v>659</v>
      </c>
      <c r="G184" s="107" t="s">
        <v>660</v>
      </c>
      <c r="H184" s="119" t="s">
        <v>96</v>
      </c>
      <c r="I184" s="14"/>
      <c r="J184" s="118" t="s">
        <v>119</v>
      </c>
      <c r="K184" s="120">
        <v>1</v>
      </c>
      <c r="L184" s="55" t="s">
        <v>96</v>
      </c>
      <c r="M184" s="118" t="s">
        <v>675</v>
      </c>
      <c r="N184" s="120" t="s">
        <v>882</v>
      </c>
      <c r="O184" s="119" t="s">
        <v>56</v>
      </c>
      <c r="P184" s="119" t="s">
        <v>56</v>
      </c>
      <c r="Q184" s="119" t="s">
        <v>56</v>
      </c>
      <c r="R184" s="119" t="s">
        <v>56</v>
      </c>
      <c r="S184" s="119" t="s">
        <v>56</v>
      </c>
      <c r="T184" s="119" t="s">
        <v>56</v>
      </c>
      <c r="U184" s="119" t="s">
        <v>56</v>
      </c>
      <c r="V184" s="119" t="s">
        <v>56</v>
      </c>
      <c r="W184" s="95"/>
    </row>
    <row r="185" spans="1:23" ht="28.8">
      <c r="A185" s="120">
        <v>182</v>
      </c>
      <c r="B185" s="95" t="s">
        <v>641</v>
      </c>
      <c r="C185" s="95" t="s">
        <v>658</v>
      </c>
      <c r="D185" s="107" t="s">
        <v>676</v>
      </c>
      <c r="E185" s="119" t="s">
        <v>96</v>
      </c>
      <c r="F185" s="107" t="s">
        <v>659</v>
      </c>
      <c r="G185" s="107" t="s">
        <v>677</v>
      </c>
      <c r="H185" s="119" t="s">
        <v>96</v>
      </c>
      <c r="I185" s="14"/>
      <c r="J185" s="118" t="s">
        <v>119</v>
      </c>
      <c r="K185" s="120">
        <v>1</v>
      </c>
      <c r="L185" s="55" t="s">
        <v>96</v>
      </c>
      <c r="M185" s="118" t="s">
        <v>667</v>
      </c>
      <c r="N185" s="120" t="s">
        <v>882</v>
      </c>
      <c r="O185" s="119" t="s">
        <v>56</v>
      </c>
      <c r="P185" s="119" t="s">
        <v>56</v>
      </c>
      <c r="Q185" s="119" t="s">
        <v>56</v>
      </c>
      <c r="R185" s="119" t="s">
        <v>56</v>
      </c>
      <c r="S185" s="119" t="s">
        <v>56</v>
      </c>
      <c r="T185" s="119" t="s">
        <v>56</v>
      </c>
      <c r="U185" s="119" t="s">
        <v>56</v>
      </c>
      <c r="V185" s="119" t="s">
        <v>56</v>
      </c>
      <c r="W185" s="95"/>
    </row>
    <row r="186" spans="1:23" ht="43.2">
      <c r="A186" s="120">
        <v>183</v>
      </c>
      <c r="B186" s="81" t="s">
        <v>678</v>
      </c>
      <c r="C186" s="81" t="s">
        <v>469</v>
      </c>
      <c r="D186" s="82" t="s">
        <v>679</v>
      </c>
      <c r="E186" s="81" t="s">
        <v>680</v>
      </c>
      <c r="F186" s="82" t="s">
        <v>681</v>
      </c>
      <c r="G186" s="82" t="s">
        <v>682</v>
      </c>
      <c r="H186" s="53">
        <v>1985</v>
      </c>
      <c r="I186" s="5"/>
      <c r="J186" s="5" t="s">
        <v>683</v>
      </c>
      <c r="K186" s="6" t="s">
        <v>96</v>
      </c>
      <c r="L186" s="83" t="s">
        <v>684</v>
      </c>
      <c r="M186" s="5" t="s">
        <v>685</v>
      </c>
      <c r="N186" s="120" t="s">
        <v>882</v>
      </c>
      <c r="O186" s="6" t="s">
        <v>96</v>
      </c>
      <c r="P186" s="6" t="s">
        <v>686</v>
      </c>
      <c r="Q186" s="6" t="s">
        <v>686</v>
      </c>
      <c r="R186" s="109" t="s">
        <v>166</v>
      </c>
      <c r="S186" s="109" t="s">
        <v>166</v>
      </c>
      <c r="T186" s="109" t="s">
        <v>55</v>
      </c>
      <c r="U186" s="109" t="s">
        <v>55</v>
      </c>
      <c r="V186" s="6" t="s">
        <v>166</v>
      </c>
      <c r="W186" s="53"/>
    </row>
    <row r="187" spans="1:23">
      <c r="A187" s="120">
        <v>184</v>
      </c>
      <c r="B187" s="95" t="s">
        <v>678</v>
      </c>
      <c r="C187" s="95" t="s">
        <v>687</v>
      </c>
      <c r="D187" s="107" t="s">
        <v>688</v>
      </c>
      <c r="E187" s="95" t="s">
        <v>689</v>
      </c>
      <c r="F187" s="107" t="s">
        <v>690</v>
      </c>
      <c r="G187" s="107" t="s">
        <v>691</v>
      </c>
      <c r="H187" s="2" t="s">
        <v>96</v>
      </c>
      <c r="I187" s="74"/>
      <c r="J187" s="107" t="s">
        <v>44</v>
      </c>
      <c r="K187" s="2" t="s">
        <v>96</v>
      </c>
      <c r="L187" s="54" t="s">
        <v>96</v>
      </c>
      <c r="M187" s="118"/>
      <c r="N187" s="120" t="s">
        <v>882</v>
      </c>
      <c r="O187" s="109" t="s">
        <v>56</v>
      </c>
      <c r="P187" s="109" t="s">
        <v>56</v>
      </c>
      <c r="Q187" s="109" t="s">
        <v>56</v>
      </c>
      <c r="R187" s="109" t="s">
        <v>56</v>
      </c>
      <c r="S187" s="109" t="s">
        <v>56</v>
      </c>
      <c r="T187" s="119" t="s">
        <v>55</v>
      </c>
      <c r="U187" s="119" t="s">
        <v>55</v>
      </c>
      <c r="V187" s="2" t="s">
        <v>96</v>
      </c>
      <c r="W187" s="120"/>
    </row>
    <row r="188" spans="1:23">
      <c r="A188" s="120">
        <v>185</v>
      </c>
      <c r="B188" s="95" t="s">
        <v>678</v>
      </c>
      <c r="C188" s="95" t="s">
        <v>687</v>
      </c>
      <c r="D188" s="107" t="s">
        <v>692</v>
      </c>
      <c r="E188" s="95" t="s">
        <v>693</v>
      </c>
      <c r="F188" s="107" t="s">
        <v>694</v>
      </c>
      <c r="G188" s="107" t="s">
        <v>691</v>
      </c>
      <c r="H188" s="2" t="s">
        <v>96</v>
      </c>
      <c r="I188" s="74"/>
      <c r="J188" s="107" t="s">
        <v>44</v>
      </c>
      <c r="K188" s="2" t="s">
        <v>96</v>
      </c>
      <c r="L188" s="54" t="s">
        <v>96</v>
      </c>
      <c r="M188" s="107"/>
      <c r="N188" s="120" t="s">
        <v>882</v>
      </c>
      <c r="O188" s="109" t="s">
        <v>56</v>
      </c>
      <c r="P188" s="109" t="s">
        <v>56</v>
      </c>
      <c r="Q188" s="109" t="s">
        <v>56</v>
      </c>
      <c r="R188" s="109" t="s">
        <v>55</v>
      </c>
      <c r="S188" s="109" t="s">
        <v>56</v>
      </c>
      <c r="T188" s="119" t="s">
        <v>55</v>
      </c>
      <c r="U188" s="119" t="s">
        <v>56</v>
      </c>
      <c r="V188" s="2" t="s">
        <v>96</v>
      </c>
      <c r="W188" s="118"/>
    </row>
    <row r="189" spans="1:23" ht="28.8">
      <c r="A189" s="120">
        <v>186</v>
      </c>
      <c r="B189" s="95" t="s">
        <v>678</v>
      </c>
      <c r="C189" s="95" t="s">
        <v>687</v>
      </c>
      <c r="D189" s="107" t="s">
        <v>695</v>
      </c>
      <c r="E189" s="95" t="s">
        <v>696</v>
      </c>
      <c r="F189" s="107" t="s">
        <v>697</v>
      </c>
      <c r="G189" s="118" t="s">
        <v>691</v>
      </c>
      <c r="H189" s="119" t="s">
        <v>96</v>
      </c>
      <c r="I189" s="14"/>
      <c r="J189" s="107" t="s">
        <v>44</v>
      </c>
      <c r="K189" s="119" t="s">
        <v>96</v>
      </c>
      <c r="L189" s="16" t="s">
        <v>96</v>
      </c>
      <c r="M189" s="118"/>
      <c r="N189" s="120" t="s">
        <v>882</v>
      </c>
      <c r="O189" s="109" t="s">
        <v>56</v>
      </c>
      <c r="P189" s="109" t="s">
        <v>56</v>
      </c>
      <c r="Q189" s="109" t="s">
        <v>56</v>
      </c>
      <c r="R189" s="109" t="s">
        <v>56</v>
      </c>
      <c r="S189" s="109" t="s">
        <v>56</v>
      </c>
      <c r="T189" s="119" t="s">
        <v>56</v>
      </c>
      <c r="U189" s="109" t="s">
        <v>56</v>
      </c>
      <c r="V189" s="119" t="s">
        <v>96</v>
      </c>
      <c r="W189" s="120"/>
    </row>
    <row r="190" spans="1:23" ht="28.8">
      <c r="A190" s="120">
        <v>187</v>
      </c>
      <c r="B190" s="95" t="s">
        <v>678</v>
      </c>
      <c r="C190" s="95" t="s">
        <v>687</v>
      </c>
      <c r="D190" s="107" t="s">
        <v>861</v>
      </c>
      <c r="E190" s="95" t="s">
        <v>689</v>
      </c>
      <c r="F190" s="107" t="s">
        <v>698</v>
      </c>
      <c r="G190" s="118" t="s">
        <v>691</v>
      </c>
      <c r="H190" s="119" t="s">
        <v>96</v>
      </c>
      <c r="I190" s="14"/>
      <c r="J190" s="118" t="s">
        <v>119</v>
      </c>
      <c r="K190" s="119" t="s">
        <v>96</v>
      </c>
      <c r="L190" s="16" t="s">
        <v>699</v>
      </c>
      <c r="M190" s="118"/>
      <c r="N190" s="120" t="s">
        <v>882</v>
      </c>
      <c r="O190" s="109" t="s">
        <v>56</v>
      </c>
      <c r="P190" s="109" t="s">
        <v>56</v>
      </c>
      <c r="Q190" s="109" t="s">
        <v>56</v>
      </c>
      <c r="R190" s="109" t="s">
        <v>56</v>
      </c>
      <c r="S190" s="109" t="s">
        <v>56</v>
      </c>
      <c r="T190" s="119" t="s">
        <v>56</v>
      </c>
      <c r="U190" s="119" t="s">
        <v>56</v>
      </c>
      <c r="V190" s="119" t="s">
        <v>96</v>
      </c>
      <c r="W190" s="120"/>
    </row>
    <row r="191" spans="1:23" ht="28.8">
      <c r="A191" s="120">
        <v>188</v>
      </c>
      <c r="B191" s="57" t="s">
        <v>713</v>
      </c>
      <c r="C191" s="57" t="s">
        <v>714</v>
      </c>
      <c r="D191" s="61" t="s">
        <v>715</v>
      </c>
      <c r="E191" s="57" t="s">
        <v>716</v>
      </c>
      <c r="F191" s="61" t="s">
        <v>717</v>
      </c>
      <c r="G191" s="61" t="s">
        <v>718</v>
      </c>
      <c r="H191" s="57">
        <v>1885</v>
      </c>
      <c r="I191" s="61"/>
      <c r="J191" s="61" t="s">
        <v>44</v>
      </c>
      <c r="K191" s="84" t="s">
        <v>69</v>
      </c>
      <c r="L191" s="59" t="s">
        <v>719</v>
      </c>
      <c r="M191" s="52" t="s">
        <v>69</v>
      </c>
      <c r="N191" s="120" t="s">
        <v>882</v>
      </c>
      <c r="O191" s="58" t="s">
        <v>56</v>
      </c>
      <c r="P191" s="58" t="s">
        <v>55</v>
      </c>
      <c r="Q191" s="58" t="s">
        <v>56</v>
      </c>
      <c r="R191" s="58" t="s">
        <v>56</v>
      </c>
      <c r="S191" s="58" t="s">
        <v>56</v>
      </c>
      <c r="T191" s="58" t="s">
        <v>55</v>
      </c>
      <c r="U191" s="58" t="s">
        <v>56</v>
      </c>
      <c r="V191" s="58" t="s">
        <v>56</v>
      </c>
      <c r="W191" s="50"/>
    </row>
    <row r="192" spans="1:23" ht="28.8">
      <c r="A192" s="120">
        <v>189</v>
      </c>
      <c r="B192" s="57" t="s">
        <v>713</v>
      </c>
      <c r="C192" s="57" t="s">
        <v>720</v>
      </c>
      <c r="D192" s="61" t="s">
        <v>721</v>
      </c>
      <c r="E192" s="57" t="s">
        <v>722</v>
      </c>
      <c r="F192" s="61" t="s">
        <v>723</v>
      </c>
      <c r="G192" s="61" t="s">
        <v>724</v>
      </c>
      <c r="H192" s="57">
        <v>1999</v>
      </c>
      <c r="I192" s="61"/>
      <c r="J192" s="61" t="s">
        <v>47</v>
      </c>
      <c r="K192" s="57">
        <v>1</v>
      </c>
      <c r="L192" s="59">
        <v>742.9</v>
      </c>
      <c r="M192" s="61" t="s">
        <v>725</v>
      </c>
      <c r="N192" s="120" t="s">
        <v>882</v>
      </c>
      <c r="O192" s="58" t="s">
        <v>56</v>
      </c>
      <c r="P192" s="58" t="s">
        <v>56</v>
      </c>
      <c r="Q192" s="58" t="s">
        <v>56</v>
      </c>
      <c r="R192" s="58" t="s">
        <v>55</v>
      </c>
      <c r="S192" s="58" t="s">
        <v>56</v>
      </c>
      <c r="T192" s="58" t="s">
        <v>55</v>
      </c>
      <c r="U192" s="58" t="s">
        <v>56</v>
      </c>
      <c r="V192" s="58" t="s">
        <v>55</v>
      </c>
      <c r="W192" s="50"/>
    </row>
    <row r="193" spans="1:23" ht="28.8">
      <c r="A193" s="120">
        <v>190</v>
      </c>
      <c r="B193" s="57" t="s">
        <v>713</v>
      </c>
      <c r="C193" s="57" t="s">
        <v>726</v>
      </c>
      <c r="D193" s="61" t="s">
        <v>862</v>
      </c>
      <c r="E193" s="57" t="s">
        <v>728</v>
      </c>
      <c r="F193" s="61" t="s">
        <v>729</v>
      </c>
      <c r="G193" s="52" t="s">
        <v>730</v>
      </c>
      <c r="H193" s="50">
        <v>2004</v>
      </c>
      <c r="I193" s="61" t="s">
        <v>727</v>
      </c>
      <c r="J193" s="52" t="s">
        <v>47</v>
      </c>
      <c r="K193" s="50">
        <v>1</v>
      </c>
      <c r="L193" s="60">
        <v>950</v>
      </c>
      <c r="M193" s="52"/>
      <c r="N193" s="120" t="s">
        <v>882</v>
      </c>
      <c r="O193" s="58" t="s">
        <v>56</v>
      </c>
      <c r="P193" s="58" t="s">
        <v>55</v>
      </c>
      <c r="Q193" s="58" t="s">
        <v>55</v>
      </c>
      <c r="R193" s="58" t="s">
        <v>56</v>
      </c>
      <c r="S193" s="58" t="s">
        <v>56</v>
      </c>
      <c r="T193" s="58" t="s">
        <v>55</v>
      </c>
      <c r="U193" s="58" t="s">
        <v>56</v>
      </c>
      <c r="V193" s="58" t="s">
        <v>56</v>
      </c>
      <c r="W193" s="50"/>
    </row>
    <row r="194" spans="1:23" ht="28.8">
      <c r="A194" s="120">
        <v>191</v>
      </c>
      <c r="B194" s="57" t="s">
        <v>713</v>
      </c>
      <c r="C194" s="57" t="s">
        <v>726</v>
      </c>
      <c r="D194" s="61" t="s">
        <v>862</v>
      </c>
      <c r="E194" s="57" t="s">
        <v>728</v>
      </c>
      <c r="F194" s="61" t="s">
        <v>729</v>
      </c>
      <c r="G194" s="52" t="s">
        <v>730</v>
      </c>
      <c r="H194" s="50">
        <v>2004</v>
      </c>
      <c r="I194" s="61" t="s">
        <v>731</v>
      </c>
      <c r="J194" s="52" t="s">
        <v>47</v>
      </c>
      <c r="K194" s="50">
        <v>1</v>
      </c>
      <c r="L194" s="60">
        <v>810</v>
      </c>
      <c r="M194" s="52"/>
      <c r="N194" s="120" t="s">
        <v>882</v>
      </c>
      <c r="O194" s="58" t="s">
        <v>56</v>
      </c>
      <c r="P194" s="58" t="s">
        <v>55</v>
      </c>
      <c r="Q194" s="58" t="s">
        <v>55</v>
      </c>
      <c r="R194" s="58" t="s">
        <v>56</v>
      </c>
      <c r="S194" s="58" t="s">
        <v>56</v>
      </c>
      <c r="T194" s="58" t="s">
        <v>55</v>
      </c>
      <c r="U194" s="58" t="s">
        <v>56</v>
      </c>
      <c r="V194" s="58" t="s">
        <v>56</v>
      </c>
      <c r="W194" s="50"/>
    </row>
    <row r="195" spans="1:23" ht="43.2">
      <c r="A195" s="120">
        <v>192</v>
      </c>
      <c r="B195" s="82" t="s">
        <v>895</v>
      </c>
      <c r="C195" s="88"/>
      <c r="D195" s="82" t="s">
        <v>896</v>
      </c>
      <c r="E195" s="82"/>
      <c r="F195" s="82" t="s">
        <v>895</v>
      </c>
      <c r="G195" s="82" t="s">
        <v>897</v>
      </c>
      <c r="H195" s="89">
        <v>2006</v>
      </c>
      <c r="I195" s="4"/>
      <c r="J195" s="101" t="s">
        <v>119</v>
      </c>
      <c r="K195" s="88"/>
      <c r="L195" s="5"/>
      <c r="M195" s="5" t="s">
        <v>898</v>
      </c>
      <c r="N195" s="100" t="s">
        <v>882</v>
      </c>
      <c r="O195" s="109" t="s">
        <v>56</v>
      </c>
      <c r="P195" s="109" t="s">
        <v>56</v>
      </c>
      <c r="Q195" s="109" t="s">
        <v>56</v>
      </c>
      <c r="R195" s="109" t="s">
        <v>56</v>
      </c>
      <c r="S195" s="109" t="s">
        <v>56</v>
      </c>
      <c r="T195" s="109" t="s">
        <v>56</v>
      </c>
      <c r="U195" s="109" t="s">
        <v>56</v>
      </c>
      <c r="V195" s="109" t="s">
        <v>56</v>
      </c>
      <c r="W195" s="5"/>
    </row>
    <row r="196" spans="1:23" ht="43.2">
      <c r="A196" s="120">
        <v>193</v>
      </c>
      <c r="B196" s="82" t="s">
        <v>895</v>
      </c>
      <c r="C196" s="88"/>
      <c r="D196" s="82" t="s">
        <v>899</v>
      </c>
      <c r="E196" s="82"/>
      <c r="F196" s="82" t="s">
        <v>895</v>
      </c>
      <c r="G196" s="82" t="s">
        <v>897</v>
      </c>
      <c r="H196" s="89">
        <v>2006</v>
      </c>
      <c r="I196" s="4"/>
      <c r="J196" s="101" t="s">
        <v>119</v>
      </c>
      <c r="K196" s="88"/>
      <c r="L196" s="5"/>
      <c r="M196" s="5" t="s">
        <v>900</v>
      </c>
      <c r="N196" s="100" t="s">
        <v>882</v>
      </c>
      <c r="O196" s="109" t="s">
        <v>56</v>
      </c>
      <c r="P196" s="109" t="s">
        <v>56</v>
      </c>
      <c r="Q196" s="109" t="s">
        <v>56</v>
      </c>
      <c r="R196" s="109" t="s">
        <v>56</v>
      </c>
      <c r="S196" s="109" t="s">
        <v>56</v>
      </c>
      <c r="T196" s="109" t="s">
        <v>56</v>
      </c>
      <c r="U196" s="109" t="s">
        <v>56</v>
      </c>
      <c r="V196" s="109" t="s">
        <v>56</v>
      </c>
      <c r="W196" s="5"/>
    </row>
    <row r="197" spans="1:23" ht="28.8">
      <c r="A197" s="120">
        <v>194</v>
      </c>
      <c r="B197" s="91" t="s">
        <v>895</v>
      </c>
      <c r="C197" s="90"/>
      <c r="D197" s="91" t="s">
        <v>901</v>
      </c>
      <c r="E197" s="91"/>
      <c r="F197" s="91" t="s">
        <v>902</v>
      </c>
      <c r="G197" s="91" t="s">
        <v>903</v>
      </c>
      <c r="H197" s="89">
        <v>1993</v>
      </c>
      <c r="I197" s="4"/>
      <c r="J197" s="101" t="s">
        <v>119</v>
      </c>
      <c r="K197" s="90"/>
      <c r="L197" s="5"/>
      <c r="M197" s="92" t="s">
        <v>904</v>
      </c>
      <c r="N197" s="100" t="s">
        <v>882</v>
      </c>
      <c r="O197" s="109" t="s">
        <v>56</v>
      </c>
      <c r="P197" s="109" t="s">
        <v>56</v>
      </c>
      <c r="Q197" s="109" t="s">
        <v>56</v>
      </c>
      <c r="R197" s="109" t="s">
        <v>56</v>
      </c>
      <c r="S197" s="109" t="s">
        <v>56</v>
      </c>
      <c r="T197" s="109" t="s">
        <v>56</v>
      </c>
      <c r="U197" s="109" t="s">
        <v>56</v>
      </c>
      <c r="V197" s="109" t="s">
        <v>56</v>
      </c>
      <c r="W197" s="92"/>
    </row>
    <row r="198" spans="1:23" ht="28.8">
      <c r="A198" s="120">
        <v>195</v>
      </c>
      <c r="B198" s="82" t="s">
        <v>895</v>
      </c>
      <c r="C198" s="88"/>
      <c r="D198" s="82" t="s">
        <v>919</v>
      </c>
      <c r="E198" s="82"/>
      <c r="F198" s="82" t="s">
        <v>895</v>
      </c>
      <c r="G198" s="91" t="s">
        <v>903</v>
      </c>
      <c r="H198" s="89">
        <v>1991</v>
      </c>
      <c r="I198" s="4"/>
      <c r="J198" s="101" t="s">
        <v>119</v>
      </c>
      <c r="K198" s="88"/>
      <c r="L198" s="5"/>
      <c r="M198" s="5" t="s">
        <v>905</v>
      </c>
      <c r="N198" s="100" t="s">
        <v>882</v>
      </c>
      <c r="O198" s="109" t="s">
        <v>56</v>
      </c>
      <c r="P198" s="109" t="s">
        <v>56</v>
      </c>
      <c r="Q198" s="109" t="s">
        <v>56</v>
      </c>
      <c r="R198" s="109" t="s">
        <v>56</v>
      </c>
      <c r="S198" s="109" t="s">
        <v>56</v>
      </c>
      <c r="T198" s="109" t="s">
        <v>56</v>
      </c>
      <c r="U198" s="109" t="s">
        <v>56</v>
      </c>
      <c r="V198" s="109" t="s">
        <v>56</v>
      </c>
      <c r="W198" s="5"/>
    </row>
    <row r="199" spans="1:23">
      <c r="A199" s="120">
        <v>196</v>
      </c>
      <c r="B199" s="82" t="s">
        <v>895</v>
      </c>
      <c r="C199" s="88"/>
      <c r="D199" s="82" t="s">
        <v>920</v>
      </c>
      <c r="E199" s="82"/>
      <c r="F199" s="82" t="s">
        <v>895</v>
      </c>
      <c r="G199" s="91" t="s">
        <v>903</v>
      </c>
      <c r="H199" s="89">
        <v>1993</v>
      </c>
      <c r="I199" s="4"/>
      <c r="J199" s="101" t="s">
        <v>119</v>
      </c>
      <c r="K199" s="88"/>
      <c r="L199" s="5"/>
      <c r="M199" s="5" t="s">
        <v>906</v>
      </c>
      <c r="N199" s="100" t="s">
        <v>882</v>
      </c>
      <c r="O199" s="109" t="s">
        <v>56</v>
      </c>
      <c r="P199" s="109" t="s">
        <v>56</v>
      </c>
      <c r="Q199" s="109" t="s">
        <v>56</v>
      </c>
      <c r="R199" s="109" t="s">
        <v>56</v>
      </c>
      <c r="S199" s="109" t="s">
        <v>56</v>
      </c>
      <c r="T199" s="109" t="s">
        <v>56</v>
      </c>
      <c r="U199" s="109" t="s">
        <v>56</v>
      </c>
      <c r="V199" s="109" t="s">
        <v>56</v>
      </c>
      <c r="W199" s="5"/>
    </row>
    <row r="200" spans="1:23" ht="28.8">
      <c r="A200" s="120">
        <v>197</v>
      </c>
      <c r="B200" s="82" t="s">
        <v>895</v>
      </c>
      <c r="C200" s="88"/>
      <c r="D200" s="82" t="s">
        <v>907</v>
      </c>
      <c r="E200" s="82"/>
      <c r="F200" s="82" t="s">
        <v>895</v>
      </c>
      <c r="G200" s="91" t="s">
        <v>903</v>
      </c>
      <c r="H200" s="89">
        <v>1993</v>
      </c>
      <c r="I200" s="4"/>
      <c r="J200" s="101" t="s">
        <v>119</v>
      </c>
      <c r="K200" s="88"/>
      <c r="L200" s="5"/>
      <c r="M200" s="5" t="s">
        <v>908</v>
      </c>
      <c r="N200" s="100" t="s">
        <v>882</v>
      </c>
      <c r="O200" s="109" t="s">
        <v>56</v>
      </c>
      <c r="P200" s="109" t="s">
        <v>56</v>
      </c>
      <c r="Q200" s="109" t="s">
        <v>56</v>
      </c>
      <c r="R200" s="109" t="s">
        <v>56</v>
      </c>
      <c r="S200" s="109" t="s">
        <v>56</v>
      </c>
      <c r="T200" s="109" t="s">
        <v>56</v>
      </c>
      <c r="U200" s="109" t="s">
        <v>56</v>
      </c>
      <c r="V200" s="109" t="s">
        <v>56</v>
      </c>
      <c r="W200" s="5"/>
    </row>
    <row r="201" spans="1:23">
      <c r="A201" s="120">
        <v>198</v>
      </c>
      <c r="B201" s="82" t="s">
        <v>895</v>
      </c>
      <c r="C201" s="88"/>
      <c r="D201" s="82" t="s">
        <v>909</v>
      </c>
      <c r="E201" s="82"/>
      <c r="F201" s="82" t="s">
        <v>895</v>
      </c>
      <c r="G201" s="91" t="s">
        <v>903</v>
      </c>
      <c r="H201" s="89">
        <v>1993</v>
      </c>
      <c r="I201" s="4"/>
      <c r="J201" s="101" t="s">
        <v>119</v>
      </c>
      <c r="K201" s="88"/>
      <c r="L201" s="5"/>
      <c r="M201" s="5" t="s">
        <v>910</v>
      </c>
      <c r="N201" s="100" t="s">
        <v>882</v>
      </c>
      <c r="O201" s="109" t="s">
        <v>56</v>
      </c>
      <c r="P201" s="109" t="s">
        <v>56</v>
      </c>
      <c r="Q201" s="109" t="s">
        <v>56</v>
      </c>
      <c r="R201" s="109" t="s">
        <v>56</v>
      </c>
      <c r="S201" s="109" t="s">
        <v>56</v>
      </c>
      <c r="T201" s="109" t="s">
        <v>56</v>
      </c>
      <c r="U201" s="109" t="s">
        <v>56</v>
      </c>
      <c r="V201" s="109" t="s">
        <v>56</v>
      </c>
      <c r="W201" s="5"/>
    </row>
    <row r="202" spans="1:23" ht="28.8">
      <c r="A202" s="120">
        <v>199</v>
      </c>
      <c r="B202" s="82" t="s">
        <v>895</v>
      </c>
      <c r="C202" s="88"/>
      <c r="D202" s="82" t="s">
        <v>911</v>
      </c>
      <c r="E202" s="82"/>
      <c r="F202" s="82" t="s">
        <v>895</v>
      </c>
      <c r="G202" s="91" t="s">
        <v>903</v>
      </c>
      <c r="H202" s="89">
        <v>1993</v>
      </c>
      <c r="I202" s="4"/>
      <c r="J202" s="101" t="s">
        <v>119</v>
      </c>
      <c r="K202" s="88"/>
      <c r="L202" s="5"/>
      <c r="M202" s="5" t="s">
        <v>912</v>
      </c>
      <c r="N202" s="100" t="s">
        <v>882</v>
      </c>
      <c r="O202" s="109" t="s">
        <v>56</v>
      </c>
      <c r="P202" s="109" t="s">
        <v>56</v>
      </c>
      <c r="Q202" s="109" t="s">
        <v>56</v>
      </c>
      <c r="R202" s="109" t="s">
        <v>56</v>
      </c>
      <c r="S202" s="109" t="s">
        <v>56</v>
      </c>
      <c r="T202" s="109" t="s">
        <v>56</v>
      </c>
      <c r="U202" s="109" t="s">
        <v>56</v>
      </c>
      <c r="V202" s="109" t="s">
        <v>56</v>
      </c>
      <c r="W202" s="5"/>
    </row>
    <row r="203" spans="1:23" ht="28.8">
      <c r="A203" s="120">
        <v>200</v>
      </c>
      <c r="B203" s="82" t="s">
        <v>895</v>
      </c>
      <c r="C203" s="88"/>
      <c r="D203" s="82" t="s">
        <v>913</v>
      </c>
      <c r="E203" s="82"/>
      <c r="F203" s="82" t="s">
        <v>895</v>
      </c>
      <c r="G203" s="91" t="s">
        <v>903</v>
      </c>
      <c r="H203" s="89">
        <v>1993</v>
      </c>
      <c r="I203" s="4"/>
      <c r="J203" s="101" t="s">
        <v>119</v>
      </c>
      <c r="K203" s="88"/>
      <c r="L203" s="5"/>
      <c r="M203" s="5" t="s">
        <v>914</v>
      </c>
      <c r="N203" s="100" t="s">
        <v>882</v>
      </c>
      <c r="O203" s="109" t="s">
        <v>56</v>
      </c>
      <c r="P203" s="109" t="s">
        <v>56</v>
      </c>
      <c r="Q203" s="109" t="s">
        <v>56</v>
      </c>
      <c r="R203" s="109" t="s">
        <v>56</v>
      </c>
      <c r="S203" s="109" t="s">
        <v>56</v>
      </c>
      <c r="T203" s="109" t="s">
        <v>56</v>
      </c>
      <c r="U203" s="109" t="s">
        <v>56</v>
      </c>
      <c r="V203" s="109" t="s">
        <v>56</v>
      </c>
      <c r="W203" s="5"/>
    </row>
    <row r="204" spans="1:23" ht="28.8">
      <c r="A204" s="120">
        <v>201</v>
      </c>
      <c r="B204" s="82" t="s">
        <v>895</v>
      </c>
      <c r="C204" s="88"/>
      <c r="D204" s="82" t="s">
        <v>915</v>
      </c>
      <c r="E204" s="82"/>
      <c r="F204" s="82" t="s">
        <v>895</v>
      </c>
      <c r="G204" s="91" t="s">
        <v>903</v>
      </c>
      <c r="H204" s="89">
        <v>1993</v>
      </c>
      <c r="I204" s="4"/>
      <c r="J204" s="101" t="s">
        <v>119</v>
      </c>
      <c r="K204" s="88"/>
      <c r="L204" s="5"/>
      <c r="M204" s="5" t="s">
        <v>916</v>
      </c>
      <c r="N204" s="100" t="s">
        <v>882</v>
      </c>
      <c r="O204" s="109" t="s">
        <v>56</v>
      </c>
      <c r="P204" s="109" t="s">
        <v>56</v>
      </c>
      <c r="Q204" s="109" t="s">
        <v>56</v>
      </c>
      <c r="R204" s="109" t="s">
        <v>56</v>
      </c>
      <c r="S204" s="109" t="s">
        <v>56</v>
      </c>
      <c r="T204" s="109" t="s">
        <v>56</v>
      </c>
      <c r="U204" s="109" t="s">
        <v>56</v>
      </c>
      <c r="V204" s="109" t="s">
        <v>56</v>
      </c>
      <c r="W204" s="5"/>
    </row>
    <row r="205" spans="1:23" ht="28.8">
      <c r="A205" s="120">
        <v>202</v>
      </c>
      <c r="B205" s="82" t="s">
        <v>895</v>
      </c>
      <c r="C205" s="88"/>
      <c r="D205" s="82" t="s">
        <v>917</v>
      </c>
      <c r="E205" s="82"/>
      <c r="F205" s="82" t="s">
        <v>895</v>
      </c>
      <c r="G205" s="91" t="s">
        <v>903</v>
      </c>
      <c r="H205" s="89">
        <v>2003</v>
      </c>
      <c r="I205" s="4"/>
      <c r="J205" s="101" t="s">
        <v>119</v>
      </c>
      <c r="K205" s="88"/>
      <c r="L205" s="5"/>
      <c r="M205" s="5" t="s">
        <v>918</v>
      </c>
      <c r="N205" s="100" t="s">
        <v>882</v>
      </c>
      <c r="O205" s="109" t="s">
        <v>56</v>
      </c>
      <c r="P205" s="109" t="s">
        <v>56</v>
      </c>
      <c r="Q205" s="109" t="s">
        <v>56</v>
      </c>
      <c r="R205" s="109" t="s">
        <v>56</v>
      </c>
      <c r="S205" s="109" t="s">
        <v>56</v>
      </c>
      <c r="T205" s="109" t="s">
        <v>56</v>
      </c>
      <c r="U205" s="109" t="s">
        <v>56</v>
      </c>
      <c r="V205" s="109" t="s">
        <v>56</v>
      </c>
      <c r="W205" s="5"/>
    </row>
    <row r="206" spans="1:23" ht="28.8">
      <c r="A206" s="120">
        <v>203</v>
      </c>
      <c r="B206" s="95" t="s">
        <v>732</v>
      </c>
      <c r="C206" s="95" t="s">
        <v>733</v>
      </c>
      <c r="D206" s="107" t="s">
        <v>734</v>
      </c>
      <c r="E206" s="95" t="s">
        <v>735</v>
      </c>
      <c r="F206" s="107" t="s">
        <v>736</v>
      </c>
      <c r="G206" s="95" t="s">
        <v>737</v>
      </c>
      <c r="H206" s="4">
        <v>2022</v>
      </c>
      <c r="I206" s="5"/>
      <c r="J206" s="107" t="s">
        <v>21</v>
      </c>
      <c r="K206" s="95">
        <v>1</v>
      </c>
      <c r="L206" s="85">
        <v>790</v>
      </c>
      <c r="M206" s="118" t="s">
        <v>738</v>
      </c>
      <c r="N206" s="120" t="s">
        <v>882</v>
      </c>
      <c r="O206" s="119" t="s">
        <v>56</v>
      </c>
      <c r="P206" s="119" t="s">
        <v>56</v>
      </c>
      <c r="Q206" s="119" t="s">
        <v>56</v>
      </c>
      <c r="R206" s="119" t="s">
        <v>56</v>
      </c>
      <c r="S206" s="119" t="s">
        <v>56</v>
      </c>
      <c r="T206" s="119" t="s">
        <v>55</v>
      </c>
      <c r="U206" s="119" t="s">
        <v>55</v>
      </c>
      <c r="V206" s="119" t="s">
        <v>55</v>
      </c>
      <c r="W206" s="118" t="s">
        <v>739</v>
      </c>
    </row>
    <row r="207" spans="1:23" ht="28.8">
      <c r="A207" s="120">
        <v>204</v>
      </c>
      <c r="B207" s="95" t="s">
        <v>732</v>
      </c>
      <c r="C207" s="95" t="s">
        <v>740</v>
      </c>
      <c r="D207" s="107" t="s">
        <v>741</v>
      </c>
      <c r="E207" s="95"/>
      <c r="F207" s="107" t="s">
        <v>742</v>
      </c>
      <c r="G207" s="95" t="s">
        <v>743</v>
      </c>
      <c r="H207" s="95"/>
      <c r="I207" s="107"/>
      <c r="J207" s="107" t="s">
        <v>119</v>
      </c>
      <c r="K207" s="95">
        <v>1</v>
      </c>
      <c r="L207" s="93"/>
      <c r="M207" s="107"/>
      <c r="N207" s="120" t="s">
        <v>882</v>
      </c>
      <c r="O207" s="119"/>
      <c r="P207" s="119"/>
      <c r="Q207" s="119"/>
      <c r="R207" s="119"/>
      <c r="S207" s="119"/>
      <c r="T207" s="119" t="s">
        <v>55</v>
      </c>
      <c r="U207" s="119"/>
      <c r="V207" s="119"/>
      <c r="W207" s="118"/>
    </row>
    <row r="208" spans="1:23" ht="28.8">
      <c r="A208" s="120">
        <v>205</v>
      </c>
      <c r="B208" s="95" t="s">
        <v>732</v>
      </c>
      <c r="C208" s="95" t="s">
        <v>740</v>
      </c>
      <c r="D208" s="107" t="s">
        <v>744</v>
      </c>
      <c r="E208" s="95"/>
      <c r="F208" s="107" t="s">
        <v>742</v>
      </c>
      <c r="G208" s="95" t="s">
        <v>743</v>
      </c>
      <c r="H208" s="120"/>
      <c r="I208" s="118"/>
      <c r="J208" s="107" t="s">
        <v>119</v>
      </c>
      <c r="K208" s="120">
        <v>1</v>
      </c>
      <c r="L208" s="121"/>
      <c r="M208" s="118"/>
      <c r="N208" s="120" t="s">
        <v>882</v>
      </c>
      <c r="O208" s="119"/>
      <c r="P208" s="119"/>
      <c r="Q208" s="119"/>
      <c r="R208" s="119"/>
      <c r="S208" s="119"/>
      <c r="T208" s="119" t="s">
        <v>55</v>
      </c>
      <c r="U208" s="119"/>
      <c r="V208" s="119"/>
      <c r="W208" s="120"/>
    </row>
    <row r="209" spans="1:23">
      <c r="A209" s="120">
        <v>206</v>
      </c>
      <c r="B209" s="95" t="s">
        <v>732</v>
      </c>
      <c r="C209" s="95" t="s">
        <v>740</v>
      </c>
      <c r="D209" s="107" t="s">
        <v>745</v>
      </c>
      <c r="E209" s="95"/>
      <c r="F209" s="107" t="s">
        <v>742</v>
      </c>
      <c r="G209" s="95" t="s">
        <v>743</v>
      </c>
      <c r="H209" s="120"/>
      <c r="I209" s="118"/>
      <c r="J209" s="107" t="s">
        <v>119</v>
      </c>
      <c r="K209" s="120">
        <v>1</v>
      </c>
      <c r="L209" s="121"/>
      <c r="M209" s="118"/>
      <c r="N209" s="120" t="s">
        <v>882</v>
      </c>
      <c r="O209" s="119"/>
      <c r="P209" s="119"/>
      <c r="Q209" s="119"/>
      <c r="R209" s="119"/>
      <c r="S209" s="119"/>
      <c r="T209" s="119" t="s">
        <v>55</v>
      </c>
      <c r="U209" s="119"/>
      <c r="V209" s="119"/>
      <c r="W209" s="120"/>
    </row>
    <row r="210" spans="1:23" ht="100.8">
      <c r="A210" s="120">
        <v>207</v>
      </c>
      <c r="B210" s="95" t="s">
        <v>746</v>
      </c>
      <c r="C210" s="95" t="s">
        <v>747</v>
      </c>
      <c r="D210" s="107" t="s">
        <v>748</v>
      </c>
      <c r="E210" s="95" t="s">
        <v>749</v>
      </c>
      <c r="F210" s="107" t="s">
        <v>750</v>
      </c>
      <c r="G210" s="95" t="s">
        <v>751</v>
      </c>
      <c r="H210" s="95">
        <v>2017</v>
      </c>
      <c r="I210" s="107"/>
      <c r="J210" s="107" t="s">
        <v>76</v>
      </c>
      <c r="K210" s="95">
        <v>7</v>
      </c>
      <c r="L210" s="93"/>
      <c r="M210" s="118" t="s">
        <v>752</v>
      </c>
      <c r="N210" s="94">
        <v>1000</v>
      </c>
      <c r="O210" s="119" t="s">
        <v>55</v>
      </c>
      <c r="P210" s="119" t="s">
        <v>56</v>
      </c>
      <c r="Q210" s="119" t="s">
        <v>56</v>
      </c>
      <c r="R210" s="119" t="s">
        <v>55</v>
      </c>
      <c r="S210" s="119" t="s">
        <v>55</v>
      </c>
      <c r="T210" s="119" t="s">
        <v>55</v>
      </c>
      <c r="U210" s="119" t="s">
        <v>56</v>
      </c>
      <c r="V210" s="119" t="s">
        <v>56</v>
      </c>
      <c r="W210" s="120"/>
    </row>
    <row r="211" spans="1:23" ht="57.6">
      <c r="A211" s="120">
        <v>208</v>
      </c>
      <c r="B211" s="95" t="s">
        <v>746</v>
      </c>
      <c r="C211" s="95" t="s">
        <v>747</v>
      </c>
      <c r="D211" s="107" t="s">
        <v>748</v>
      </c>
      <c r="E211" s="95" t="s">
        <v>749</v>
      </c>
      <c r="F211" s="107" t="s">
        <v>750</v>
      </c>
      <c r="G211" s="95" t="s">
        <v>751</v>
      </c>
      <c r="H211" s="95">
        <v>2017</v>
      </c>
      <c r="I211" s="107"/>
      <c r="J211" s="107" t="s">
        <v>76</v>
      </c>
      <c r="K211" s="95">
        <v>3</v>
      </c>
      <c r="L211" s="93"/>
      <c r="M211" s="107" t="s">
        <v>753</v>
      </c>
      <c r="N211" s="120" t="s">
        <v>882</v>
      </c>
      <c r="O211" s="119" t="s">
        <v>56</v>
      </c>
      <c r="P211" s="119" t="s">
        <v>56</v>
      </c>
      <c r="Q211" s="119" t="s">
        <v>56</v>
      </c>
      <c r="R211" s="119" t="s">
        <v>55</v>
      </c>
      <c r="S211" s="119" t="s">
        <v>56</v>
      </c>
      <c r="T211" s="119" t="s">
        <v>55</v>
      </c>
      <c r="U211" s="119" t="s">
        <v>56</v>
      </c>
      <c r="V211" s="119" t="s">
        <v>56</v>
      </c>
      <c r="W211" s="118"/>
    </row>
    <row r="212" spans="1:23" ht="28.8">
      <c r="A212" s="120">
        <v>209</v>
      </c>
      <c r="B212" s="95" t="s">
        <v>746</v>
      </c>
      <c r="C212" s="95" t="s">
        <v>926</v>
      </c>
      <c r="D212" s="95" t="s">
        <v>927</v>
      </c>
      <c r="E212" s="95" t="s">
        <v>749</v>
      </c>
      <c r="F212" s="61" t="s">
        <v>928</v>
      </c>
      <c r="G212" s="107" t="s">
        <v>929</v>
      </c>
      <c r="H212" s="120">
        <v>2000</v>
      </c>
      <c r="I212" s="118"/>
      <c r="J212" s="120" t="s">
        <v>47</v>
      </c>
      <c r="K212" s="120">
        <v>18</v>
      </c>
      <c r="L212" s="121">
        <v>4300</v>
      </c>
      <c r="M212" s="118" t="s">
        <v>930</v>
      </c>
      <c r="N212" s="120" t="s">
        <v>931</v>
      </c>
      <c r="O212" s="119" t="s">
        <v>56</v>
      </c>
      <c r="P212" s="119" t="s">
        <v>56</v>
      </c>
      <c r="Q212" s="119" t="s">
        <v>56</v>
      </c>
      <c r="R212" s="119" t="s">
        <v>56</v>
      </c>
      <c r="S212" s="119" t="s">
        <v>56</v>
      </c>
      <c r="T212" s="119" t="s">
        <v>55</v>
      </c>
      <c r="U212" s="119" t="s">
        <v>56</v>
      </c>
      <c r="V212" s="119" t="s">
        <v>56</v>
      </c>
      <c r="W212" s="120"/>
    </row>
    <row r="213" spans="1:23" ht="43.2">
      <c r="A213" s="120">
        <v>210</v>
      </c>
      <c r="B213" s="95" t="s">
        <v>754</v>
      </c>
      <c r="C213" s="95" t="s">
        <v>755</v>
      </c>
      <c r="D213" s="107" t="s">
        <v>756</v>
      </c>
      <c r="E213" s="95"/>
      <c r="F213" s="107" t="s">
        <v>757</v>
      </c>
      <c r="G213" s="95" t="s">
        <v>758</v>
      </c>
      <c r="H213" s="71" t="s">
        <v>405</v>
      </c>
      <c r="I213" s="107"/>
      <c r="J213" s="107" t="s">
        <v>119</v>
      </c>
      <c r="K213" s="95"/>
      <c r="L213" s="93"/>
      <c r="M213" s="118"/>
      <c r="N213" s="120" t="s">
        <v>882</v>
      </c>
      <c r="O213" s="119" t="s">
        <v>56</v>
      </c>
      <c r="P213" s="119" t="s">
        <v>56</v>
      </c>
      <c r="Q213" s="119" t="s">
        <v>56</v>
      </c>
      <c r="R213" s="119" t="s">
        <v>56</v>
      </c>
      <c r="S213" s="119" t="s">
        <v>56</v>
      </c>
      <c r="T213" s="119" t="s">
        <v>55</v>
      </c>
      <c r="U213" s="119" t="s">
        <v>56</v>
      </c>
      <c r="V213" s="119"/>
      <c r="W213" s="120"/>
    </row>
    <row r="214" spans="1:23" ht="28.8">
      <c r="A214" s="120">
        <v>211</v>
      </c>
      <c r="B214" s="95" t="s">
        <v>754</v>
      </c>
      <c r="C214" s="95" t="s">
        <v>755</v>
      </c>
      <c r="D214" s="107" t="s">
        <v>759</v>
      </c>
      <c r="E214" s="95"/>
      <c r="F214" s="107" t="s">
        <v>757</v>
      </c>
      <c r="G214" s="95" t="s">
        <v>758</v>
      </c>
      <c r="H214" s="71" t="s">
        <v>405</v>
      </c>
      <c r="I214" s="107"/>
      <c r="J214" s="107" t="s">
        <v>119</v>
      </c>
      <c r="K214" s="95"/>
      <c r="L214" s="93"/>
      <c r="M214" s="107"/>
      <c r="N214" s="120" t="s">
        <v>882</v>
      </c>
      <c r="O214" s="119" t="s">
        <v>56</v>
      </c>
      <c r="P214" s="119" t="s">
        <v>56</v>
      </c>
      <c r="Q214" s="119" t="s">
        <v>56</v>
      </c>
      <c r="R214" s="119" t="s">
        <v>56</v>
      </c>
      <c r="S214" s="119" t="s">
        <v>56</v>
      </c>
      <c r="T214" s="119" t="s">
        <v>55</v>
      </c>
      <c r="U214" s="119" t="s">
        <v>56</v>
      </c>
      <c r="V214" s="119"/>
      <c r="W214" s="118"/>
    </row>
    <row r="215" spans="1:23" ht="28.8">
      <c r="A215" s="120">
        <v>212</v>
      </c>
      <c r="B215" s="95" t="s">
        <v>754</v>
      </c>
      <c r="C215" s="95" t="s">
        <v>755</v>
      </c>
      <c r="D215" s="107" t="s">
        <v>760</v>
      </c>
      <c r="E215" s="95"/>
      <c r="F215" s="107" t="s">
        <v>757</v>
      </c>
      <c r="G215" s="95" t="s">
        <v>758</v>
      </c>
      <c r="H215" s="10" t="s">
        <v>405</v>
      </c>
      <c r="I215" s="118"/>
      <c r="J215" s="107" t="s">
        <v>119</v>
      </c>
      <c r="K215" s="120"/>
      <c r="L215" s="121"/>
      <c r="M215" s="118"/>
      <c r="N215" s="120" t="s">
        <v>882</v>
      </c>
      <c r="O215" s="119" t="s">
        <v>56</v>
      </c>
      <c r="P215" s="119" t="s">
        <v>56</v>
      </c>
      <c r="Q215" s="119" t="s">
        <v>56</v>
      </c>
      <c r="R215" s="119" t="s">
        <v>56</v>
      </c>
      <c r="S215" s="119" t="s">
        <v>56</v>
      </c>
      <c r="T215" s="119" t="s">
        <v>56</v>
      </c>
      <c r="U215" s="119" t="s">
        <v>56</v>
      </c>
      <c r="V215" s="119"/>
      <c r="W215" s="120"/>
    </row>
    <row r="216" spans="1:23" ht="28.8">
      <c r="A216" s="120">
        <v>213</v>
      </c>
      <c r="B216" s="95" t="s">
        <v>754</v>
      </c>
      <c r="C216" s="95" t="s">
        <v>755</v>
      </c>
      <c r="D216" s="107" t="s">
        <v>761</v>
      </c>
      <c r="E216" s="95"/>
      <c r="F216" s="107" t="s">
        <v>757</v>
      </c>
      <c r="G216" s="95" t="s">
        <v>758</v>
      </c>
      <c r="H216" s="10" t="s">
        <v>405</v>
      </c>
      <c r="I216" s="118"/>
      <c r="J216" s="107" t="s">
        <v>119</v>
      </c>
      <c r="K216" s="120"/>
      <c r="L216" s="121"/>
      <c r="M216" s="118"/>
      <c r="N216" s="120" t="s">
        <v>882</v>
      </c>
      <c r="O216" s="119" t="s">
        <v>56</v>
      </c>
      <c r="P216" s="119" t="s">
        <v>56</v>
      </c>
      <c r="Q216" s="119" t="s">
        <v>56</v>
      </c>
      <c r="R216" s="119" t="s">
        <v>56</v>
      </c>
      <c r="S216" s="119" t="s">
        <v>56</v>
      </c>
      <c r="T216" s="119" t="s">
        <v>56</v>
      </c>
      <c r="U216" s="119" t="s">
        <v>56</v>
      </c>
      <c r="V216" s="119"/>
      <c r="W216" s="120"/>
    </row>
    <row r="217" spans="1:23" ht="28.8">
      <c r="A217" s="120">
        <v>214</v>
      </c>
      <c r="B217" s="95" t="s">
        <v>754</v>
      </c>
      <c r="C217" s="95" t="s">
        <v>755</v>
      </c>
      <c r="D217" s="107" t="s">
        <v>863</v>
      </c>
      <c r="E217" s="95" t="s">
        <v>763</v>
      </c>
      <c r="F217" s="107" t="s">
        <v>764</v>
      </c>
      <c r="G217" s="95" t="s">
        <v>765</v>
      </c>
      <c r="H217" s="71">
        <v>1996</v>
      </c>
      <c r="I217" s="107" t="s">
        <v>762</v>
      </c>
      <c r="J217" s="107" t="s">
        <v>38</v>
      </c>
      <c r="K217" s="95"/>
      <c r="L217" s="93"/>
      <c r="M217" s="107"/>
      <c r="N217" s="120" t="s">
        <v>882</v>
      </c>
      <c r="O217" s="119" t="s">
        <v>56</v>
      </c>
      <c r="P217" s="119" t="s">
        <v>55</v>
      </c>
      <c r="Q217" s="119" t="s">
        <v>56</v>
      </c>
      <c r="R217" s="119" t="s">
        <v>56</v>
      </c>
      <c r="S217" s="119" t="s">
        <v>56</v>
      </c>
      <c r="T217" s="119" t="s">
        <v>55</v>
      </c>
      <c r="U217" s="119" t="s">
        <v>56</v>
      </c>
      <c r="V217" s="119"/>
      <c r="W217" s="120"/>
    </row>
    <row r="218" spans="1:23" ht="28.8">
      <c r="A218" s="120">
        <v>215</v>
      </c>
      <c r="B218" s="95" t="s">
        <v>754</v>
      </c>
      <c r="C218" s="95" t="s">
        <v>755</v>
      </c>
      <c r="D218" s="107" t="s">
        <v>863</v>
      </c>
      <c r="E218" s="95" t="s">
        <v>763</v>
      </c>
      <c r="F218" s="107" t="s">
        <v>764</v>
      </c>
      <c r="G218" s="95" t="s">
        <v>765</v>
      </c>
      <c r="H218" s="71">
        <v>1996</v>
      </c>
      <c r="I218" s="107" t="s">
        <v>766</v>
      </c>
      <c r="J218" s="107" t="s">
        <v>38</v>
      </c>
      <c r="K218" s="95"/>
      <c r="L218" s="93"/>
      <c r="M218" s="107"/>
      <c r="N218" s="120" t="s">
        <v>882</v>
      </c>
      <c r="O218" s="2" t="s">
        <v>56</v>
      </c>
      <c r="P218" s="2" t="s">
        <v>55</v>
      </c>
      <c r="Q218" s="2" t="s">
        <v>56</v>
      </c>
      <c r="R218" s="2" t="s">
        <v>56</v>
      </c>
      <c r="S218" s="2" t="s">
        <v>56</v>
      </c>
      <c r="T218" s="2" t="s">
        <v>55</v>
      </c>
      <c r="U218" s="2" t="s">
        <v>56</v>
      </c>
      <c r="V218" s="2"/>
      <c r="W218" s="95"/>
    </row>
    <row r="219" spans="1:23" ht="28.8">
      <c r="A219" s="120">
        <v>216</v>
      </c>
      <c r="B219" s="95" t="s">
        <v>757</v>
      </c>
      <c r="C219" s="107" t="s">
        <v>469</v>
      </c>
      <c r="D219" s="107" t="s">
        <v>883</v>
      </c>
      <c r="E219" s="95" t="s">
        <v>884</v>
      </c>
      <c r="F219" s="75" t="s">
        <v>885</v>
      </c>
      <c r="G219" s="95" t="s">
        <v>886</v>
      </c>
      <c r="H219" s="71"/>
      <c r="I219" s="107"/>
      <c r="J219" s="107" t="s">
        <v>47</v>
      </c>
      <c r="K219" s="95"/>
      <c r="L219" s="93">
        <v>8289</v>
      </c>
      <c r="M219" s="107" t="s">
        <v>887</v>
      </c>
      <c r="N219" s="120" t="s">
        <v>882</v>
      </c>
      <c r="O219" s="2" t="s">
        <v>888</v>
      </c>
      <c r="P219" s="2" t="s">
        <v>888</v>
      </c>
      <c r="Q219" s="2" t="s">
        <v>55</v>
      </c>
      <c r="R219" s="2" t="s">
        <v>888</v>
      </c>
      <c r="S219" s="2" t="s">
        <v>888</v>
      </c>
      <c r="T219" s="2" t="s">
        <v>888</v>
      </c>
      <c r="U219" s="2" t="s">
        <v>888</v>
      </c>
      <c r="V219" s="2"/>
      <c r="W219" s="95"/>
    </row>
    <row r="220" spans="1:23" ht="87.6" customHeight="1">
      <c r="A220" s="120">
        <v>217</v>
      </c>
      <c r="B220" s="95" t="s">
        <v>767</v>
      </c>
      <c r="C220" s="95" t="s">
        <v>469</v>
      </c>
      <c r="D220" s="107" t="s">
        <v>768</v>
      </c>
      <c r="E220" s="95" t="s">
        <v>769</v>
      </c>
      <c r="F220" s="107" t="s">
        <v>770</v>
      </c>
      <c r="G220" s="95" t="s">
        <v>771</v>
      </c>
      <c r="H220" s="95">
        <v>1994</v>
      </c>
      <c r="I220" s="107"/>
      <c r="J220" s="107" t="s">
        <v>31</v>
      </c>
      <c r="K220" s="95">
        <v>3</v>
      </c>
      <c r="L220" s="93">
        <v>20640</v>
      </c>
      <c r="M220" s="118" t="s">
        <v>772</v>
      </c>
      <c r="N220" s="120" t="s">
        <v>882</v>
      </c>
      <c r="O220" s="119" t="s">
        <v>56</v>
      </c>
      <c r="P220" s="119" t="s">
        <v>56</v>
      </c>
      <c r="Q220" s="119" t="s">
        <v>56</v>
      </c>
      <c r="R220" s="119" t="s">
        <v>56</v>
      </c>
      <c r="S220" s="119" t="s">
        <v>56</v>
      </c>
      <c r="T220" s="119" t="s">
        <v>55</v>
      </c>
      <c r="U220" s="119" t="s">
        <v>56</v>
      </c>
      <c r="V220" s="119" t="s">
        <v>56</v>
      </c>
      <c r="W220" s="120"/>
    </row>
    <row r="221" spans="1:23" ht="43.2">
      <c r="A221" s="120">
        <v>218</v>
      </c>
      <c r="B221" s="95" t="s">
        <v>767</v>
      </c>
      <c r="C221" s="95" t="s">
        <v>469</v>
      </c>
      <c r="D221" s="107" t="s">
        <v>921</v>
      </c>
      <c r="E221" s="95"/>
      <c r="F221" s="95" t="s">
        <v>767</v>
      </c>
      <c r="G221" s="95" t="s">
        <v>922</v>
      </c>
      <c r="H221" s="95">
        <v>1969</v>
      </c>
      <c r="I221" s="107"/>
      <c r="J221" s="107" t="s">
        <v>418</v>
      </c>
      <c r="K221" s="95">
        <v>1</v>
      </c>
      <c r="L221" s="93"/>
      <c r="M221" s="107" t="s">
        <v>923</v>
      </c>
      <c r="N221" s="120" t="s">
        <v>925</v>
      </c>
      <c r="O221" s="119" t="s">
        <v>56</v>
      </c>
      <c r="P221" s="119" t="s">
        <v>56</v>
      </c>
      <c r="Q221" s="119" t="s">
        <v>56</v>
      </c>
      <c r="R221" s="119" t="s">
        <v>56</v>
      </c>
      <c r="S221" s="119" t="s">
        <v>56</v>
      </c>
      <c r="T221" s="119" t="s">
        <v>56</v>
      </c>
      <c r="U221" s="119" t="s">
        <v>56</v>
      </c>
      <c r="V221" s="119" t="s">
        <v>56</v>
      </c>
      <c r="W221" s="118" t="s">
        <v>924</v>
      </c>
    </row>
    <row r="222" spans="1:23">
      <c r="A222" s="120">
        <v>219</v>
      </c>
      <c r="B222" s="95" t="s">
        <v>773</v>
      </c>
      <c r="C222" s="95" t="s">
        <v>774</v>
      </c>
      <c r="D222" s="107" t="s">
        <v>775</v>
      </c>
      <c r="E222" s="95"/>
      <c r="F222" s="107" t="s">
        <v>773</v>
      </c>
      <c r="G222" s="95"/>
      <c r="H222" s="95"/>
      <c r="I222" s="107"/>
      <c r="J222" s="107" t="s">
        <v>119</v>
      </c>
      <c r="K222" s="95"/>
      <c r="L222" s="93"/>
      <c r="M222" s="118" t="s">
        <v>776</v>
      </c>
      <c r="N222" s="120" t="s">
        <v>882</v>
      </c>
      <c r="O222" s="119" t="s">
        <v>166</v>
      </c>
      <c r="P222" s="119" t="s">
        <v>166</v>
      </c>
      <c r="Q222" s="119" t="s">
        <v>166</v>
      </c>
      <c r="R222" s="119" t="s">
        <v>166</v>
      </c>
      <c r="S222" s="119" t="s">
        <v>166</v>
      </c>
      <c r="T222" s="119" t="s">
        <v>166</v>
      </c>
      <c r="U222" s="119" t="s">
        <v>166</v>
      </c>
      <c r="V222" s="119" t="s">
        <v>166</v>
      </c>
      <c r="W222" s="120"/>
    </row>
    <row r="223" spans="1:23">
      <c r="A223" s="120">
        <v>220</v>
      </c>
      <c r="B223" s="95" t="s">
        <v>773</v>
      </c>
      <c r="C223" s="95" t="s">
        <v>774</v>
      </c>
      <c r="D223" s="107" t="s">
        <v>777</v>
      </c>
      <c r="E223" s="95"/>
      <c r="F223" s="107" t="s">
        <v>773</v>
      </c>
      <c r="G223" s="95"/>
      <c r="H223" s="95"/>
      <c r="I223" s="107"/>
      <c r="J223" s="107" t="s">
        <v>39</v>
      </c>
      <c r="K223" s="95"/>
      <c r="L223" s="93"/>
      <c r="M223" s="107" t="s">
        <v>778</v>
      </c>
      <c r="N223" s="120" t="s">
        <v>882</v>
      </c>
      <c r="O223" s="119" t="s">
        <v>166</v>
      </c>
      <c r="P223" s="119" t="s">
        <v>166</v>
      </c>
      <c r="Q223" s="119" t="s">
        <v>166</v>
      </c>
      <c r="R223" s="119" t="s">
        <v>166</v>
      </c>
      <c r="S223" s="119" t="s">
        <v>166</v>
      </c>
      <c r="T223" s="119" t="s">
        <v>166</v>
      </c>
      <c r="U223" s="119" t="s">
        <v>166</v>
      </c>
      <c r="V223" s="119" t="s">
        <v>166</v>
      </c>
      <c r="W223" s="118"/>
    </row>
    <row r="224" spans="1:23" ht="72">
      <c r="A224" s="120">
        <v>221</v>
      </c>
      <c r="B224" s="95" t="s">
        <v>773</v>
      </c>
      <c r="C224" s="95" t="s">
        <v>774</v>
      </c>
      <c r="D224" s="107" t="s">
        <v>779</v>
      </c>
      <c r="E224" s="95"/>
      <c r="F224" s="107" t="s">
        <v>773</v>
      </c>
      <c r="G224" s="120"/>
      <c r="H224" s="120"/>
      <c r="I224" s="118"/>
      <c r="J224" s="107" t="s">
        <v>39</v>
      </c>
      <c r="K224" s="120"/>
      <c r="L224" s="121"/>
      <c r="M224" s="118" t="s">
        <v>780</v>
      </c>
      <c r="N224" s="120" t="s">
        <v>882</v>
      </c>
      <c r="O224" s="119" t="s">
        <v>166</v>
      </c>
      <c r="P224" s="119" t="s">
        <v>166</v>
      </c>
      <c r="Q224" s="119" t="s">
        <v>166</v>
      </c>
      <c r="R224" s="119" t="s">
        <v>166</v>
      </c>
      <c r="S224" s="119" t="s">
        <v>166</v>
      </c>
      <c r="T224" s="119" t="s">
        <v>166</v>
      </c>
      <c r="U224" s="119" t="s">
        <v>166</v>
      </c>
      <c r="V224" s="119" t="s">
        <v>166</v>
      </c>
      <c r="W224" s="120"/>
    </row>
    <row r="225" spans="1:23" ht="57.6">
      <c r="A225" s="120">
        <v>222</v>
      </c>
      <c r="B225" s="95" t="s">
        <v>773</v>
      </c>
      <c r="C225" s="95" t="s">
        <v>774</v>
      </c>
      <c r="D225" s="107" t="s">
        <v>781</v>
      </c>
      <c r="E225" s="95"/>
      <c r="F225" s="107" t="s">
        <v>773</v>
      </c>
      <c r="G225" s="120"/>
      <c r="H225" s="120"/>
      <c r="I225" s="118"/>
      <c r="J225" s="107" t="s">
        <v>39</v>
      </c>
      <c r="K225" s="120"/>
      <c r="L225" s="121"/>
      <c r="M225" s="118" t="s">
        <v>782</v>
      </c>
      <c r="N225" s="120" t="s">
        <v>882</v>
      </c>
      <c r="O225" s="119" t="s">
        <v>166</v>
      </c>
      <c r="P225" s="119" t="s">
        <v>166</v>
      </c>
      <c r="Q225" s="119" t="s">
        <v>166</v>
      </c>
      <c r="R225" s="119" t="s">
        <v>166</v>
      </c>
      <c r="S225" s="119" t="s">
        <v>166</v>
      </c>
      <c r="T225" s="119" t="s">
        <v>166</v>
      </c>
      <c r="U225" s="119" t="s">
        <v>166</v>
      </c>
      <c r="V225" s="119" t="s">
        <v>166</v>
      </c>
      <c r="W225" s="120"/>
    </row>
    <row r="226" spans="1:23" ht="43.2">
      <c r="A226" s="120">
        <v>223</v>
      </c>
      <c r="B226" s="95" t="s">
        <v>773</v>
      </c>
      <c r="C226" s="95" t="s">
        <v>774</v>
      </c>
      <c r="D226" s="107" t="s">
        <v>783</v>
      </c>
      <c r="E226" s="95"/>
      <c r="F226" s="107" t="s">
        <v>773</v>
      </c>
      <c r="G226" s="120"/>
      <c r="H226" s="120"/>
      <c r="I226" s="118"/>
      <c r="J226" s="107" t="s">
        <v>39</v>
      </c>
      <c r="K226" s="120"/>
      <c r="L226" s="121"/>
      <c r="M226" s="118" t="s">
        <v>784</v>
      </c>
      <c r="N226" s="120" t="s">
        <v>882</v>
      </c>
      <c r="O226" s="119" t="s">
        <v>166</v>
      </c>
      <c r="P226" s="119" t="s">
        <v>166</v>
      </c>
      <c r="Q226" s="119" t="s">
        <v>166</v>
      </c>
      <c r="R226" s="119" t="s">
        <v>166</v>
      </c>
      <c r="S226" s="119" t="s">
        <v>166</v>
      </c>
      <c r="T226" s="119" t="s">
        <v>166</v>
      </c>
      <c r="U226" s="119" t="s">
        <v>166</v>
      </c>
      <c r="V226" s="119" t="s">
        <v>166</v>
      </c>
      <c r="W226" s="120"/>
    </row>
    <row r="227" spans="1:23">
      <c r="A227" s="120">
        <v>224</v>
      </c>
      <c r="B227" s="95" t="s">
        <v>773</v>
      </c>
      <c r="C227" s="95" t="s">
        <v>774</v>
      </c>
      <c r="D227" s="107" t="s">
        <v>785</v>
      </c>
      <c r="E227" s="95"/>
      <c r="F227" s="107" t="s">
        <v>773</v>
      </c>
      <c r="G227" s="120"/>
      <c r="H227" s="120"/>
      <c r="I227" s="118"/>
      <c r="J227" s="107" t="s">
        <v>39</v>
      </c>
      <c r="K227" s="95"/>
      <c r="L227" s="93"/>
      <c r="M227" s="107" t="s">
        <v>786</v>
      </c>
      <c r="N227" s="120" t="s">
        <v>882</v>
      </c>
      <c r="O227" s="119" t="s">
        <v>166</v>
      </c>
      <c r="P227" s="119" t="s">
        <v>166</v>
      </c>
      <c r="Q227" s="119" t="s">
        <v>166</v>
      </c>
      <c r="R227" s="119" t="s">
        <v>166</v>
      </c>
      <c r="S227" s="119" t="s">
        <v>166</v>
      </c>
      <c r="T227" s="119" t="s">
        <v>166</v>
      </c>
      <c r="U227" s="119" t="s">
        <v>166</v>
      </c>
      <c r="V227" s="119" t="s">
        <v>166</v>
      </c>
      <c r="W227" s="120"/>
    </row>
    <row r="228" spans="1:23" ht="28.8">
      <c r="A228" s="120">
        <v>225</v>
      </c>
      <c r="B228" s="95" t="s">
        <v>773</v>
      </c>
      <c r="C228" s="95" t="s">
        <v>774</v>
      </c>
      <c r="D228" s="107" t="s">
        <v>787</v>
      </c>
      <c r="E228" s="95"/>
      <c r="F228" s="107" t="s">
        <v>773</v>
      </c>
      <c r="G228" s="120"/>
      <c r="H228" s="120"/>
      <c r="I228" s="118"/>
      <c r="J228" s="107" t="s">
        <v>39</v>
      </c>
      <c r="K228" s="95"/>
      <c r="L228" s="93"/>
      <c r="M228" s="107" t="s">
        <v>788</v>
      </c>
      <c r="N228" s="120" t="s">
        <v>882</v>
      </c>
      <c r="O228" s="119" t="s">
        <v>166</v>
      </c>
      <c r="P228" s="119" t="s">
        <v>166</v>
      </c>
      <c r="Q228" s="119" t="s">
        <v>166</v>
      </c>
      <c r="R228" s="119" t="s">
        <v>166</v>
      </c>
      <c r="S228" s="119" t="s">
        <v>166</v>
      </c>
      <c r="T228" s="119" t="s">
        <v>166</v>
      </c>
      <c r="U228" s="119" t="s">
        <v>166</v>
      </c>
      <c r="V228" s="119" t="s">
        <v>166</v>
      </c>
      <c r="W228" s="95"/>
    </row>
    <row r="229" spans="1:23">
      <c r="A229" s="120">
        <v>226</v>
      </c>
      <c r="B229" s="95" t="s">
        <v>773</v>
      </c>
      <c r="C229" s="95" t="s">
        <v>774</v>
      </c>
      <c r="D229" s="107" t="s">
        <v>789</v>
      </c>
      <c r="E229" s="95"/>
      <c r="F229" s="107" t="s">
        <v>773</v>
      </c>
      <c r="G229" s="120"/>
      <c r="H229" s="120"/>
      <c r="I229" s="118"/>
      <c r="J229" s="107" t="s">
        <v>39</v>
      </c>
      <c r="K229" s="95"/>
      <c r="L229" s="93"/>
      <c r="M229" s="107" t="s">
        <v>790</v>
      </c>
      <c r="N229" s="120" t="s">
        <v>882</v>
      </c>
      <c r="O229" s="119" t="s">
        <v>166</v>
      </c>
      <c r="P229" s="119" t="s">
        <v>166</v>
      </c>
      <c r="Q229" s="119" t="s">
        <v>166</v>
      </c>
      <c r="R229" s="119" t="s">
        <v>166</v>
      </c>
      <c r="S229" s="119" t="s">
        <v>166</v>
      </c>
      <c r="T229" s="119" t="s">
        <v>166</v>
      </c>
      <c r="U229" s="119" t="s">
        <v>166</v>
      </c>
      <c r="V229" s="119" t="s">
        <v>166</v>
      </c>
      <c r="W229" s="95"/>
    </row>
    <row r="230" spans="1:23" ht="72">
      <c r="A230" s="120">
        <v>227</v>
      </c>
      <c r="B230" s="95" t="s">
        <v>773</v>
      </c>
      <c r="C230" s="95" t="s">
        <v>774</v>
      </c>
      <c r="D230" s="107" t="s">
        <v>791</v>
      </c>
      <c r="E230" s="95"/>
      <c r="F230" s="107" t="s">
        <v>773</v>
      </c>
      <c r="G230" s="95"/>
      <c r="H230" s="95"/>
      <c r="I230" s="107"/>
      <c r="J230" s="107" t="s">
        <v>39</v>
      </c>
      <c r="K230" s="95"/>
      <c r="L230" s="93"/>
      <c r="M230" s="107" t="s">
        <v>792</v>
      </c>
      <c r="N230" s="120" t="s">
        <v>882</v>
      </c>
      <c r="O230" s="119" t="s">
        <v>166</v>
      </c>
      <c r="P230" s="119" t="s">
        <v>166</v>
      </c>
      <c r="Q230" s="119" t="s">
        <v>166</v>
      </c>
      <c r="R230" s="119" t="s">
        <v>166</v>
      </c>
      <c r="S230" s="119" t="s">
        <v>166</v>
      </c>
      <c r="T230" s="119" t="s">
        <v>166</v>
      </c>
      <c r="U230" s="119" t="s">
        <v>166</v>
      </c>
      <c r="V230" s="119" t="s">
        <v>166</v>
      </c>
      <c r="W230" s="95"/>
    </row>
    <row r="231" spans="1:23" ht="57.6">
      <c r="A231" s="120">
        <v>228</v>
      </c>
      <c r="B231" s="95" t="s">
        <v>773</v>
      </c>
      <c r="C231" s="95" t="s">
        <v>469</v>
      </c>
      <c r="D231" s="107" t="s">
        <v>793</v>
      </c>
      <c r="E231" s="95"/>
      <c r="F231" s="107" t="s">
        <v>773</v>
      </c>
      <c r="G231" s="95"/>
      <c r="H231" s="95"/>
      <c r="I231" s="107"/>
      <c r="J231" s="107" t="s">
        <v>794</v>
      </c>
      <c r="K231" s="95"/>
      <c r="L231" s="93"/>
      <c r="M231" s="107" t="s">
        <v>795</v>
      </c>
      <c r="N231" s="120" t="s">
        <v>882</v>
      </c>
      <c r="O231" s="119" t="s">
        <v>166</v>
      </c>
      <c r="P231" s="119" t="s">
        <v>166</v>
      </c>
      <c r="Q231" s="119" t="s">
        <v>166</v>
      </c>
      <c r="R231" s="119" t="s">
        <v>166</v>
      </c>
      <c r="S231" s="119" t="s">
        <v>166</v>
      </c>
      <c r="T231" s="119" t="s">
        <v>166</v>
      </c>
      <c r="U231" s="119" t="s">
        <v>166</v>
      </c>
      <c r="V231" s="119" t="s">
        <v>166</v>
      </c>
      <c r="W231" s="95"/>
    </row>
    <row r="232" spans="1:23" ht="28.8">
      <c r="A232" s="120">
        <v>229</v>
      </c>
      <c r="B232" s="95" t="s">
        <v>773</v>
      </c>
      <c r="C232" s="107" t="s">
        <v>469</v>
      </c>
      <c r="D232" s="76" t="s">
        <v>889</v>
      </c>
      <c r="E232" s="76" t="s">
        <v>890</v>
      </c>
      <c r="F232" s="76" t="s">
        <v>891</v>
      </c>
      <c r="G232" s="76" t="s">
        <v>892</v>
      </c>
      <c r="H232" s="95"/>
      <c r="I232" s="107"/>
      <c r="J232" s="107" t="s">
        <v>47</v>
      </c>
      <c r="K232" s="95"/>
      <c r="L232" s="93">
        <v>268.39</v>
      </c>
      <c r="M232" s="107" t="s">
        <v>893</v>
      </c>
      <c r="N232" s="120" t="s">
        <v>882</v>
      </c>
      <c r="O232" s="119" t="s">
        <v>55</v>
      </c>
      <c r="P232" s="119" t="s">
        <v>55</v>
      </c>
      <c r="Q232" s="119" t="s">
        <v>55</v>
      </c>
      <c r="R232" s="119" t="s">
        <v>55</v>
      </c>
      <c r="S232" s="119" t="s">
        <v>55</v>
      </c>
      <c r="T232" s="119" t="s">
        <v>55</v>
      </c>
      <c r="U232" s="119" t="s">
        <v>56</v>
      </c>
      <c r="V232" s="119" t="s">
        <v>56</v>
      </c>
      <c r="W232" s="95" t="s">
        <v>894</v>
      </c>
    </row>
    <row r="233" spans="1:23" ht="43.2">
      <c r="A233" s="120">
        <v>230</v>
      </c>
      <c r="B233" s="100" t="s">
        <v>773</v>
      </c>
      <c r="C233" s="100" t="s">
        <v>469</v>
      </c>
      <c r="D233" s="76" t="s">
        <v>999</v>
      </c>
      <c r="E233" s="100" t="s">
        <v>972</v>
      </c>
      <c r="F233" s="100" t="s">
        <v>973</v>
      </c>
      <c r="G233" s="98" t="s">
        <v>974</v>
      </c>
      <c r="H233" s="100">
        <v>1997</v>
      </c>
      <c r="I233" s="107"/>
      <c r="J233" s="107" t="s">
        <v>47</v>
      </c>
      <c r="K233" s="100">
        <v>1</v>
      </c>
      <c r="L233" s="110">
        <v>84</v>
      </c>
      <c r="M233" s="101" t="s">
        <v>975</v>
      </c>
      <c r="N233" s="120" t="s">
        <v>882</v>
      </c>
      <c r="O233" s="109" t="s">
        <v>55</v>
      </c>
      <c r="P233" s="109" t="s">
        <v>55</v>
      </c>
      <c r="Q233" s="109" t="s">
        <v>55</v>
      </c>
      <c r="R233" s="109" t="s">
        <v>55</v>
      </c>
      <c r="S233" s="109" t="s">
        <v>55</v>
      </c>
      <c r="T233" s="109" t="s">
        <v>55</v>
      </c>
      <c r="U233" s="109" t="s">
        <v>55</v>
      </c>
      <c r="V233" s="109" t="s">
        <v>55</v>
      </c>
      <c r="W233" s="100" t="s">
        <v>624</v>
      </c>
    </row>
    <row r="234" spans="1:23" ht="43.2">
      <c r="A234" s="120">
        <v>231</v>
      </c>
      <c r="B234" s="100" t="s">
        <v>773</v>
      </c>
      <c r="C234" s="100" t="s">
        <v>469</v>
      </c>
      <c r="D234" s="76" t="s">
        <v>999</v>
      </c>
      <c r="E234" s="100" t="s">
        <v>972</v>
      </c>
      <c r="F234" s="100" t="s">
        <v>973</v>
      </c>
      <c r="G234" s="98" t="s">
        <v>974</v>
      </c>
      <c r="H234" s="100">
        <v>1997</v>
      </c>
      <c r="I234" s="107"/>
      <c r="J234" s="107" t="s">
        <v>47</v>
      </c>
      <c r="K234" s="100">
        <v>1</v>
      </c>
      <c r="L234" s="110"/>
      <c r="M234" s="101" t="s">
        <v>976</v>
      </c>
      <c r="N234" s="120" t="s">
        <v>882</v>
      </c>
      <c r="O234" s="109" t="s">
        <v>56</v>
      </c>
      <c r="P234" s="109" t="s">
        <v>55</v>
      </c>
      <c r="Q234" s="109" t="s">
        <v>55</v>
      </c>
      <c r="R234" s="109" t="s">
        <v>55</v>
      </c>
      <c r="S234" s="109" t="s">
        <v>55</v>
      </c>
      <c r="T234" s="109" t="s">
        <v>55</v>
      </c>
      <c r="U234" s="109" t="s">
        <v>55</v>
      </c>
      <c r="V234" s="109" t="s">
        <v>55</v>
      </c>
      <c r="W234" s="98" t="s">
        <v>977</v>
      </c>
    </row>
    <row r="235" spans="1:23" ht="43.2">
      <c r="A235" s="120">
        <v>232</v>
      </c>
      <c r="B235" s="100" t="s">
        <v>773</v>
      </c>
      <c r="C235" s="100" t="s">
        <v>469</v>
      </c>
      <c r="D235" s="76" t="s">
        <v>999</v>
      </c>
      <c r="E235" s="100" t="s">
        <v>972</v>
      </c>
      <c r="F235" s="100" t="s">
        <v>973</v>
      </c>
      <c r="G235" s="98" t="s">
        <v>974</v>
      </c>
      <c r="H235" s="100">
        <v>1997</v>
      </c>
      <c r="I235" s="107"/>
      <c r="J235" s="107" t="s">
        <v>47</v>
      </c>
      <c r="K235" s="100">
        <v>1</v>
      </c>
      <c r="L235" s="110"/>
      <c r="M235" s="101" t="s">
        <v>603</v>
      </c>
      <c r="N235" s="120" t="s">
        <v>882</v>
      </c>
      <c r="O235" s="109" t="s">
        <v>55</v>
      </c>
      <c r="P235" s="109" t="s">
        <v>55</v>
      </c>
      <c r="Q235" s="109" t="s">
        <v>55</v>
      </c>
      <c r="R235" s="109" t="s">
        <v>55</v>
      </c>
      <c r="S235" s="109" t="s">
        <v>55</v>
      </c>
      <c r="T235" s="109" t="s">
        <v>55</v>
      </c>
      <c r="U235" s="109" t="s">
        <v>55</v>
      </c>
      <c r="V235" s="109" t="s">
        <v>55</v>
      </c>
      <c r="W235" s="100" t="s">
        <v>978</v>
      </c>
    </row>
    <row r="236" spans="1:23">
      <c r="A236" s="120">
        <v>233</v>
      </c>
      <c r="B236" s="111" t="s">
        <v>979</v>
      </c>
      <c r="C236" s="111" t="s">
        <v>714</v>
      </c>
      <c r="D236" s="112" t="s">
        <v>980</v>
      </c>
      <c r="E236" s="111" t="s">
        <v>981</v>
      </c>
      <c r="F236" s="112" t="s">
        <v>982</v>
      </c>
      <c r="G236" s="111" t="s">
        <v>983</v>
      </c>
      <c r="H236" s="98">
        <v>1967</v>
      </c>
      <c r="I236" s="97"/>
      <c r="J236" s="97" t="s">
        <v>44</v>
      </c>
      <c r="K236" s="113" t="s">
        <v>96</v>
      </c>
      <c r="L236" s="114"/>
      <c r="M236" s="98" t="s">
        <v>984</v>
      </c>
      <c r="N236" s="100" t="s">
        <v>882</v>
      </c>
      <c r="O236" s="115" t="s">
        <v>56</v>
      </c>
      <c r="P236" s="115" t="s">
        <v>55</v>
      </c>
      <c r="Q236" s="115" t="s">
        <v>55</v>
      </c>
      <c r="R236" s="115" t="s">
        <v>55</v>
      </c>
      <c r="S236" s="115" t="s">
        <v>56</v>
      </c>
      <c r="T236" s="115" t="s">
        <v>55</v>
      </c>
      <c r="U236" s="115" t="s">
        <v>56</v>
      </c>
      <c r="V236" s="115" t="s">
        <v>56</v>
      </c>
      <c r="W236" s="98"/>
    </row>
    <row r="237" spans="1:23">
      <c r="A237" s="120">
        <v>234</v>
      </c>
      <c r="B237" s="111" t="s">
        <v>979</v>
      </c>
      <c r="C237" s="111" t="s">
        <v>747</v>
      </c>
      <c r="D237" s="112" t="s">
        <v>985</v>
      </c>
      <c r="E237" s="111" t="s">
        <v>986</v>
      </c>
      <c r="F237" s="112" t="s">
        <v>987</v>
      </c>
      <c r="G237" s="111" t="s">
        <v>988</v>
      </c>
      <c r="H237" s="98">
        <v>1995</v>
      </c>
      <c r="I237" s="97"/>
      <c r="J237" s="97" t="s">
        <v>47</v>
      </c>
      <c r="K237" s="98">
        <v>1</v>
      </c>
      <c r="L237" s="114"/>
      <c r="M237" s="98" t="s">
        <v>989</v>
      </c>
      <c r="N237" s="100" t="s">
        <v>882</v>
      </c>
      <c r="O237" s="115" t="s">
        <v>55</v>
      </c>
      <c r="P237" s="115" t="s">
        <v>55</v>
      </c>
      <c r="Q237" s="115" t="s">
        <v>55</v>
      </c>
      <c r="R237" s="115" t="s">
        <v>55</v>
      </c>
      <c r="S237" s="115" t="s">
        <v>56</v>
      </c>
      <c r="T237" s="115" t="s">
        <v>55</v>
      </c>
      <c r="U237" s="115" t="s">
        <v>56</v>
      </c>
      <c r="V237" s="115" t="s">
        <v>56</v>
      </c>
      <c r="W237" s="98"/>
    </row>
    <row r="238" spans="1:23">
      <c r="A238" s="120">
        <v>235</v>
      </c>
      <c r="B238" s="62" t="s">
        <v>797</v>
      </c>
      <c r="C238" s="62" t="s">
        <v>469</v>
      </c>
      <c r="D238" s="72" t="s">
        <v>798</v>
      </c>
      <c r="E238" s="62" t="s">
        <v>799</v>
      </c>
      <c r="F238" s="72" t="s">
        <v>800</v>
      </c>
      <c r="G238" s="62" t="s">
        <v>801</v>
      </c>
      <c r="H238" s="62">
        <v>1994</v>
      </c>
      <c r="I238" s="72"/>
      <c r="J238" s="72" t="s">
        <v>47</v>
      </c>
      <c r="K238" s="62">
        <v>1</v>
      </c>
      <c r="L238" s="65">
        <v>288</v>
      </c>
      <c r="M238" s="63" t="s">
        <v>802</v>
      </c>
      <c r="N238" s="120" t="s">
        <v>882</v>
      </c>
      <c r="O238" s="64" t="s">
        <v>55</v>
      </c>
      <c r="P238" s="64" t="s">
        <v>55</v>
      </c>
      <c r="Q238" s="64" t="s">
        <v>55</v>
      </c>
      <c r="R238" s="64" t="s">
        <v>55</v>
      </c>
      <c r="S238" s="64" t="s">
        <v>55</v>
      </c>
      <c r="T238" s="64" t="s">
        <v>55</v>
      </c>
      <c r="U238" s="64" t="s">
        <v>56</v>
      </c>
      <c r="V238" s="64" t="s">
        <v>56</v>
      </c>
      <c r="W238" s="63"/>
    </row>
    <row r="239" spans="1:23" ht="28.8">
      <c r="A239" s="120">
        <v>236</v>
      </c>
      <c r="B239" s="57" t="s">
        <v>797</v>
      </c>
      <c r="C239" s="57" t="s">
        <v>755</v>
      </c>
      <c r="D239" s="61" t="s">
        <v>803</v>
      </c>
      <c r="E239" s="57"/>
      <c r="F239" s="72" t="s">
        <v>804</v>
      </c>
      <c r="G239" s="57" t="s">
        <v>805</v>
      </c>
      <c r="H239" s="62"/>
      <c r="I239" s="72"/>
      <c r="J239" s="61" t="s">
        <v>119</v>
      </c>
      <c r="K239" s="86" t="s">
        <v>96</v>
      </c>
      <c r="L239" s="87" t="s">
        <v>69</v>
      </c>
      <c r="M239" s="87" t="s">
        <v>69</v>
      </c>
      <c r="N239" s="120" t="s">
        <v>882</v>
      </c>
      <c r="O239" s="64" t="s">
        <v>56</v>
      </c>
      <c r="P239" s="64" t="s">
        <v>56</v>
      </c>
      <c r="Q239" s="64" t="s">
        <v>56</v>
      </c>
      <c r="R239" s="64" t="s">
        <v>56</v>
      </c>
      <c r="S239" s="64" t="s">
        <v>56</v>
      </c>
      <c r="T239" s="64" t="s">
        <v>56</v>
      </c>
      <c r="U239" s="64" t="s">
        <v>56</v>
      </c>
      <c r="V239" s="64" t="s">
        <v>56</v>
      </c>
      <c r="W239" s="63"/>
    </row>
    <row r="240" spans="1:23" ht="28.8">
      <c r="A240" s="120">
        <v>237</v>
      </c>
      <c r="B240" s="57" t="s">
        <v>797</v>
      </c>
      <c r="C240" s="57" t="s">
        <v>755</v>
      </c>
      <c r="D240" s="61" t="s">
        <v>806</v>
      </c>
      <c r="E240" s="57"/>
      <c r="F240" s="61" t="s">
        <v>807</v>
      </c>
      <c r="G240" s="57" t="s">
        <v>805</v>
      </c>
      <c r="H240" s="57"/>
      <c r="I240" s="61"/>
      <c r="J240" s="61" t="s">
        <v>119</v>
      </c>
      <c r="K240" s="86" t="s">
        <v>96</v>
      </c>
      <c r="L240" s="87" t="s">
        <v>69</v>
      </c>
      <c r="M240" s="87" t="s">
        <v>69</v>
      </c>
      <c r="N240" s="120" t="s">
        <v>882</v>
      </c>
      <c r="O240" s="64" t="s">
        <v>56</v>
      </c>
      <c r="P240" s="64" t="s">
        <v>56</v>
      </c>
      <c r="Q240" s="64" t="s">
        <v>56</v>
      </c>
      <c r="R240" s="64" t="s">
        <v>56</v>
      </c>
      <c r="S240" s="64" t="s">
        <v>56</v>
      </c>
      <c r="T240" s="64" t="s">
        <v>56</v>
      </c>
      <c r="U240" s="64" t="s">
        <v>56</v>
      </c>
      <c r="V240" s="64" t="s">
        <v>56</v>
      </c>
      <c r="W240" s="63"/>
    </row>
    <row r="241" spans="1:23" ht="28.8">
      <c r="A241" s="120">
        <v>238</v>
      </c>
      <c r="B241" s="57" t="s">
        <v>797</v>
      </c>
      <c r="C241" s="57" t="s">
        <v>755</v>
      </c>
      <c r="D241" s="61" t="s">
        <v>808</v>
      </c>
      <c r="E241" s="57"/>
      <c r="F241" s="61" t="s">
        <v>807</v>
      </c>
      <c r="G241" s="57" t="s">
        <v>805</v>
      </c>
      <c r="H241" s="50"/>
      <c r="I241" s="52"/>
      <c r="J241" s="61" t="s">
        <v>119</v>
      </c>
      <c r="K241" s="86" t="s">
        <v>96</v>
      </c>
      <c r="L241" s="87" t="s">
        <v>69</v>
      </c>
      <c r="M241" s="87" t="s">
        <v>69</v>
      </c>
      <c r="N241" s="120" t="s">
        <v>882</v>
      </c>
      <c r="O241" s="64" t="s">
        <v>56</v>
      </c>
      <c r="P241" s="64" t="s">
        <v>56</v>
      </c>
      <c r="Q241" s="64" t="s">
        <v>56</v>
      </c>
      <c r="R241" s="64" t="s">
        <v>56</v>
      </c>
      <c r="S241" s="64" t="s">
        <v>56</v>
      </c>
      <c r="T241" s="64" t="s">
        <v>56</v>
      </c>
      <c r="U241" s="64" t="s">
        <v>56</v>
      </c>
      <c r="V241" s="64" t="s">
        <v>56</v>
      </c>
      <c r="W241" s="63"/>
    </row>
    <row r="242" spans="1:23" ht="28.8">
      <c r="A242" s="120">
        <v>239</v>
      </c>
      <c r="B242" s="57" t="s">
        <v>797</v>
      </c>
      <c r="C242" s="57" t="s">
        <v>755</v>
      </c>
      <c r="D242" s="61" t="s">
        <v>809</v>
      </c>
      <c r="E242" s="57"/>
      <c r="F242" s="61" t="s">
        <v>807</v>
      </c>
      <c r="G242" s="57" t="s">
        <v>805</v>
      </c>
      <c r="H242" s="50"/>
      <c r="I242" s="52"/>
      <c r="J242" s="61" t="s">
        <v>119</v>
      </c>
      <c r="K242" s="86" t="s">
        <v>96</v>
      </c>
      <c r="L242" s="87" t="s">
        <v>69</v>
      </c>
      <c r="M242" s="87" t="s">
        <v>69</v>
      </c>
      <c r="N242" s="120" t="s">
        <v>882</v>
      </c>
      <c r="O242" s="64" t="s">
        <v>56</v>
      </c>
      <c r="P242" s="64" t="s">
        <v>56</v>
      </c>
      <c r="Q242" s="64" t="s">
        <v>56</v>
      </c>
      <c r="R242" s="64" t="s">
        <v>56</v>
      </c>
      <c r="S242" s="64" t="s">
        <v>56</v>
      </c>
      <c r="T242" s="64" t="s">
        <v>56</v>
      </c>
      <c r="U242" s="64" t="s">
        <v>56</v>
      </c>
      <c r="V242" s="64" t="s">
        <v>56</v>
      </c>
      <c r="W242" s="63"/>
    </row>
    <row r="243" spans="1:23" ht="28.8">
      <c r="A243" s="120">
        <v>240</v>
      </c>
      <c r="B243" s="57" t="s">
        <v>797</v>
      </c>
      <c r="C243" s="57" t="s">
        <v>755</v>
      </c>
      <c r="D243" s="61" t="s">
        <v>810</v>
      </c>
      <c r="E243" s="57"/>
      <c r="F243" s="61" t="s">
        <v>811</v>
      </c>
      <c r="G243" s="57" t="s">
        <v>805</v>
      </c>
      <c r="H243" s="50"/>
      <c r="I243" s="52"/>
      <c r="J243" s="61" t="s">
        <v>119</v>
      </c>
      <c r="K243" s="86" t="s">
        <v>96</v>
      </c>
      <c r="L243" s="87" t="s">
        <v>69</v>
      </c>
      <c r="M243" s="87" t="s">
        <v>69</v>
      </c>
      <c r="N243" s="120" t="s">
        <v>882</v>
      </c>
      <c r="O243" s="64" t="s">
        <v>56</v>
      </c>
      <c r="P243" s="64" t="s">
        <v>56</v>
      </c>
      <c r="Q243" s="64" t="s">
        <v>56</v>
      </c>
      <c r="R243" s="64" t="s">
        <v>56</v>
      </c>
      <c r="S243" s="64" t="s">
        <v>56</v>
      </c>
      <c r="T243" s="64" t="s">
        <v>56</v>
      </c>
      <c r="U243" s="64" t="s">
        <v>56</v>
      </c>
      <c r="V243" s="64" t="s">
        <v>56</v>
      </c>
      <c r="W243" s="63"/>
    </row>
    <row r="244" spans="1:23" ht="28.8">
      <c r="A244" s="120">
        <v>241</v>
      </c>
      <c r="B244" s="57" t="s">
        <v>797</v>
      </c>
      <c r="C244" s="57" t="s">
        <v>755</v>
      </c>
      <c r="D244" s="61" t="s">
        <v>812</v>
      </c>
      <c r="E244" s="57"/>
      <c r="F244" s="61" t="s">
        <v>813</v>
      </c>
      <c r="G244" s="57" t="s">
        <v>805</v>
      </c>
      <c r="H244" s="57"/>
      <c r="I244" s="61"/>
      <c r="J244" s="61" t="s">
        <v>119</v>
      </c>
      <c r="K244" s="86" t="s">
        <v>96</v>
      </c>
      <c r="L244" s="87" t="s">
        <v>69</v>
      </c>
      <c r="M244" s="87" t="s">
        <v>69</v>
      </c>
      <c r="N244" s="120" t="s">
        <v>882</v>
      </c>
      <c r="O244" s="64" t="s">
        <v>56</v>
      </c>
      <c r="P244" s="64" t="s">
        <v>56</v>
      </c>
      <c r="Q244" s="64" t="s">
        <v>56</v>
      </c>
      <c r="R244" s="64" t="s">
        <v>56</v>
      </c>
      <c r="S244" s="64" t="s">
        <v>56</v>
      </c>
      <c r="T244" s="64" t="s">
        <v>56</v>
      </c>
      <c r="U244" s="64" t="s">
        <v>56</v>
      </c>
      <c r="V244" s="64" t="s">
        <v>56</v>
      </c>
      <c r="W244" s="63"/>
    </row>
    <row r="245" spans="1:23" ht="28.8">
      <c r="A245" s="120">
        <v>242</v>
      </c>
      <c r="B245" s="57" t="s">
        <v>797</v>
      </c>
      <c r="C245" s="57" t="s">
        <v>755</v>
      </c>
      <c r="D245" s="61" t="s">
        <v>814</v>
      </c>
      <c r="E245" s="57"/>
      <c r="F245" s="61" t="s">
        <v>815</v>
      </c>
      <c r="G245" s="57" t="s">
        <v>805</v>
      </c>
      <c r="H245" s="57"/>
      <c r="I245" s="61"/>
      <c r="J245" s="61" t="s">
        <v>119</v>
      </c>
      <c r="K245" s="86" t="s">
        <v>96</v>
      </c>
      <c r="L245" s="87" t="s">
        <v>69</v>
      </c>
      <c r="M245" s="87" t="s">
        <v>69</v>
      </c>
      <c r="N245" s="120" t="s">
        <v>882</v>
      </c>
      <c r="O245" s="64" t="s">
        <v>56</v>
      </c>
      <c r="P245" s="64" t="s">
        <v>56</v>
      </c>
      <c r="Q245" s="64" t="s">
        <v>56</v>
      </c>
      <c r="R245" s="64" t="s">
        <v>56</v>
      </c>
      <c r="S245" s="64" t="s">
        <v>56</v>
      </c>
      <c r="T245" s="64" t="s">
        <v>56</v>
      </c>
      <c r="U245" s="64" t="s">
        <v>56</v>
      </c>
      <c r="V245" s="64" t="s">
        <v>56</v>
      </c>
      <c r="W245" s="62"/>
    </row>
    <row r="246" spans="1:23" ht="28.8">
      <c r="A246" s="120">
        <v>243</v>
      </c>
      <c r="B246" s="57" t="s">
        <v>797</v>
      </c>
      <c r="C246" s="57" t="s">
        <v>755</v>
      </c>
      <c r="D246" s="61" t="s">
        <v>816</v>
      </c>
      <c r="E246" s="57"/>
      <c r="F246" s="61" t="s">
        <v>815</v>
      </c>
      <c r="G246" s="57" t="s">
        <v>805</v>
      </c>
      <c r="H246" s="57"/>
      <c r="I246" s="61"/>
      <c r="J246" s="61" t="s">
        <v>119</v>
      </c>
      <c r="K246" s="86" t="s">
        <v>96</v>
      </c>
      <c r="L246" s="87" t="s">
        <v>69</v>
      </c>
      <c r="M246" s="87" t="s">
        <v>69</v>
      </c>
      <c r="N246" s="120" t="s">
        <v>882</v>
      </c>
      <c r="O246" s="64" t="s">
        <v>56</v>
      </c>
      <c r="P246" s="64" t="s">
        <v>56</v>
      </c>
      <c r="Q246" s="64" t="s">
        <v>56</v>
      </c>
      <c r="R246" s="64" t="s">
        <v>56</v>
      </c>
      <c r="S246" s="64" t="s">
        <v>56</v>
      </c>
      <c r="T246" s="64" t="s">
        <v>56</v>
      </c>
      <c r="U246" s="64" t="s">
        <v>56</v>
      </c>
      <c r="V246" s="64" t="s">
        <v>56</v>
      </c>
      <c r="W246" s="62"/>
    </row>
    <row r="247" spans="1:23" ht="43.2">
      <c r="A247" s="120">
        <v>244</v>
      </c>
      <c r="B247" s="57" t="s">
        <v>797</v>
      </c>
      <c r="C247" s="57" t="s">
        <v>755</v>
      </c>
      <c r="D247" s="61" t="s">
        <v>817</v>
      </c>
      <c r="E247" s="57"/>
      <c r="F247" s="61" t="s">
        <v>815</v>
      </c>
      <c r="G247" s="57" t="s">
        <v>805</v>
      </c>
      <c r="H247" s="57"/>
      <c r="I247" s="61"/>
      <c r="J247" s="61" t="s">
        <v>119</v>
      </c>
      <c r="K247" s="86" t="s">
        <v>96</v>
      </c>
      <c r="L247" s="87" t="s">
        <v>69</v>
      </c>
      <c r="M247" s="87" t="s">
        <v>69</v>
      </c>
      <c r="N247" s="120" t="s">
        <v>882</v>
      </c>
      <c r="O247" s="64" t="s">
        <v>56</v>
      </c>
      <c r="P247" s="64" t="s">
        <v>56</v>
      </c>
      <c r="Q247" s="64" t="s">
        <v>56</v>
      </c>
      <c r="R247" s="64" t="s">
        <v>56</v>
      </c>
      <c r="S247" s="64" t="s">
        <v>56</v>
      </c>
      <c r="T247" s="64" t="s">
        <v>56</v>
      </c>
      <c r="U247" s="64" t="s">
        <v>56</v>
      </c>
      <c r="V247" s="64" t="s">
        <v>56</v>
      </c>
      <c r="W247" s="62"/>
    </row>
    <row r="248" spans="1:23" ht="28.8">
      <c r="A248" s="120">
        <v>245</v>
      </c>
      <c r="B248" s="57" t="s">
        <v>797</v>
      </c>
      <c r="C248" s="57" t="s">
        <v>755</v>
      </c>
      <c r="D248" s="61" t="s">
        <v>818</v>
      </c>
      <c r="E248" s="57"/>
      <c r="F248" s="61" t="s">
        <v>807</v>
      </c>
      <c r="G248" s="57" t="s">
        <v>805</v>
      </c>
      <c r="H248" s="57"/>
      <c r="I248" s="61"/>
      <c r="J248" s="61" t="s">
        <v>119</v>
      </c>
      <c r="K248" s="86" t="s">
        <v>96</v>
      </c>
      <c r="L248" s="87" t="s">
        <v>69</v>
      </c>
      <c r="M248" s="87" t="s">
        <v>69</v>
      </c>
      <c r="N248" s="120" t="s">
        <v>882</v>
      </c>
      <c r="O248" s="64" t="s">
        <v>56</v>
      </c>
      <c r="P248" s="64" t="s">
        <v>56</v>
      </c>
      <c r="Q248" s="64" t="s">
        <v>56</v>
      </c>
      <c r="R248" s="64" t="s">
        <v>56</v>
      </c>
      <c r="S248" s="64" t="s">
        <v>56</v>
      </c>
      <c r="T248" s="64" t="s">
        <v>56</v>
      </c>
      <c r="U248" s="64" t="s">
        <v>56</v>
      </c>
      <c r="V248" s="64" t="s">
        <v>56</v>
      </c>
      <c r="W248" s="62"/>
    </row>
    <row r="249" spans="1:23" ht="28.8">
      <c r="A249" s="120">
        <v>246</v>
      </c>
      <c r="B249" s="57" t="s">
        <v>797</v>
      </c>
      <c r="C249" s="57" t="s">
        <v>755</v>
      </c>
      <c r="D249" s="61" t="s">
        <v>819</v>
      </c>
      <c r="E249" s="57"/>
      <c r="F249" s="61" t="s">
        <v>820</v>
      </c>
      <c r="G249" s="57" t="s">
        <v>805</v>
      </c>
      <c r="H249" s="57"/>
      <c r="I249" s="61"/>
      <c r="J249" s="61" t="s">
        <v>119</v>
      </c>
      <c r="K249" s="86" t="s">
        <v>96</v>
      </c>
      <c r="L249" s="87" t="s">
        <v>69</v>
      </c>
      <c r="M249" s="87" t="s">
        <v>69</v>
      </c>
      <c r="N249" s="120" t="s">
        <v>882</v>
      </c>
      <c r="O249" s="64" t="s">
        <v>56</v>
      </c>
      <c r="P249" s="64" t="s">
        <v>56</v>
      </c>
      <c r="Q249" s="64" t="s">
        <v>56</v>
      </c>
      <c r="R249" s="64" t="s">
        <v>56</v>
      </c>
      <c r="S249" s="64" t="s">
        <v>56</v>
      </c>
      <c r="T249" s="64" t="s">
        <v>56</v>
      </c>
      <c r="U249" s="64" t="s">
        <v>56</v>
      </c>
      <c r="V249" s="64" t="s">
        <v>56</v>
      </c>
      <c r="W249" s="62"/>
    </row>
    <row r="250" spans="1:23" ht="28.8">
      <c r="A250" s="120">
        <v>247</v>
      </c>
      <c r="B250" s="57" t="s">
        <v>797</v>
      </c>
      <c r="C250" s="57" t="s">
        <v>755</v>
      </c>
      <c r="D250" s="61" t="s">
        <v>821</v>
      </c>
      <c r="E250" s="57"/>
      <c r="F250" s="61" t="s">
        <v>822</v>
      </c>
      <c r="G250" s="57" t="s">
        <v>805</v>
      </c>
      <c r="H250" s="57"/>
      <c r="I250" s="61"/>
      <c r="J250" s="61" t="s">
        <v>119</v>
      </c>
      <c r="K250" s="86" t="s">
        <v>96</v>
      </c>
      <c r="L250" s="87" t="s">
        <v>69</v>
      </c>
      <c r="M250" s="87" t="s">
        <v>69</v>
      </c>
      <c r="N250" s="120" t="s">
        <v>882</v>
      </c>
      <c r="O250" s="64" t="s">
        <v>56</v>
      </c>
      <c r="P250" s="64" t="s">
        <v>56</v>
      </c>
      <c r="Q250" s="64" t="s">
        <v>56</v>
      </c>
      <c r="R250" s="64" t="s">
        <v>56</v>
      </c>
      <c r="S250" s="64" t="s">
        <v>56</v>
      </c>
      <c r="T250" s="64" t="s">
        <v>56</v>
      </c>
      <c r="U250" s="64" t="s">
        <v>56</v>
      </c>
      <c r="V250" s="64" t="s">
        <v>56</v>
      </c>
      <c r="W250" s="62"/>
    </row>
    <row r="251" spans="1:23" ht="28.8">
      <c r="A251" s="120">
        <v>248</v>
      </c>
      <c r="B251" s="57" t="s">
        <v>797</v>
      </c>
      <c r="C251" s="57" t="s">
        <v>755</v>
      </c>
      <c r="D251" s="61" t="s">
        <v>823</v>
      </c>
      <c r="E251" s="57"/>
      <c r="F251" s="61" t="s">
        <v>824</v>
      </c>
      <c r="G251" s="57" t="s">
        <v>805</v>
      </c>
      <c r="H251" s="57"/>
      <c r="I251" s="61"/>
      <c r="J251" s="61" t="s">
        <v>119</v>
      </c>
      <c r="K251" s="86" t="s">
        <v>96</v>
      </c>
      <c r="L251" s="87" t="s">
        <v>69</v>
      </c>
      <c r="M251" s="87" t="s">
        <v>69</v>
      </c>
      <c r="N251" s="120" t="s">
        <v>882</v>
      </c>
      <c r="O251" s="64" t="s">
        <v>56</v>
      </c>
      <c r="P251" s="64" t="s">
        <v>56</v>
      </c>
      <c r="Q251" s="64" t="s">
        <v>56</v>
      </c>
      <c r="R251" s="64" t="s">
        <v>56</v>
      </c>
      <c r="S251" s="64" t="s">
        <v>56</v>
      </c>
      <c r="T251" s="64" t="s">
        <v>56</v>
      </c>
      <c r="U251" s="64" t="s">
        <v>56</v>
      </c>
      <c r="V251" s="64" t="s">
        <v>56</v>
      </c>
      <c r="W251" s="62"/>
    </row>
    <row r="252" spans="1:23" ht="28.8">
      <c r="A252" s="120">
        <v>249</v>
      </c>
      <c r="B252" s="57" t="s">
        <v>797</v>
      </c>
      <c r="C252" s="57" t="s">
        <v>755</v>
      </c>
      <c r="D252" s="61" t="s">
        <v>825</v>
      </c>
      <c r="E252" s="57"/>
      <c r="F252" s="61" t="s">
        <v>826</v>
      </c>
      <c r="G252" s="57" t="s">
        <v>805</v>
      </c>
      <c r="H252" s="57"/>
      <c r="I252" s="61"/>
      <c r="J252" s="61" t="s">
        <v>119</v>
      </c>
      <c r="K252" s="86" t="s">
        <v>96</v>
      </c>
      <c r="L252" s="87" t="s">
        <v>69</v>
      </c>
      <c r="M252" s="87" t="s">
        <v>69</v>
      </c>
      <c r="N252" s="120" t="s">
        <v>882</v>
      </c>
      <c r="O252" s="64" t="s">
        <v>56</v>
      </c>
      <c r="P252" s="64" t="s">
        <v>56</v>
      </c>
      <c r="Q252" s="64" t="s">
        <v>56</v>
      </c>
      <c r="R252" s="64" t="s">
        <v>56</v>
      </c>
      <c r="S252" s="64" t="s">
        <v>56</v>
      </c>
      <c r="T252" s="64" t="s">
        <v>56</v>
      </c>
      <c r="U252" s="64" t="s">
        <v>56</v>
      </c>
      <c r="V252" s="64" t="s">
        <v>56</v>
      </c>
      <c r="W252" s="62"/>
    </row>
    <row r="253" spans="1:23" ht="28.8">
      <c r="A253" s="120">
        <v>250</v>
      </c>
      <c r="B253" s="57" t="s">
        <v>797</v>
      </c>
      <c r="C253" s="57" t="s">
        <v>755</v>
      </c>
      <c r="D253" s="61" t="s">
        <v>827</v>
      </c>
      <c r="E253" s="57"/>
      <c r="F253" s="61" t="s">
        <v>828</v>
      </c>
      <c r="G253" s="57" t="s">
        <v>805</v>
      </c>
      <c r="H253" s="57"/>
      <c r="I253" s="61"/>
      <c r="J253" s="61" t="s">
        <v>119</v>
      </c>
      <c r="K253" s="86" t="s">
        <v>96</v>
      </c>
      <c r="L253" s="87" t="s">
        <v>69</v>
      </c>
      <c r="M253" s="87" t="s">
        <v>69</v>
      </c>
      <c r="N253" s="120" t="s">
        <v>882</v>
      </c>
      <c r="O253" s="64" t="s">
        <v>56</v>
      </c>
      <c r="P253" s="64" t="s">
        <v>56</v>
      </c>
      <c r="Q253" s="64" t="s">
        <v>56</v>
      </c>
      <c r="R253" s="64" t="s">
        <v>56</v>
      </c>
      <c r="S253" s="64" t="s">
        <v>56</v>
      </c>
      <c r="T253" s="64" t="s">
        <v>56</v>
      </c>
      <c r="U253" s="64" t="s">
        <v>56</v>
      </c>
      <c r="V253" s="64" t="s">
        <v>56</v>
      </c>
      <c r="W253" s="62"/>
    </row>
    <row r="254" spans="1:23" ht="28.8">
      <c r="A254" s="120">
        <v>251</v>
      </c>
      <c r="B254" s="57" t="s">
        <v>797</v>
      </c>
      <c r="C254" s="57" t="s">
        <v>755</v>
      </c>
      <c r="D254" s="61" t="s">
        <v>829</v>
      </c>
      <c r="E254" s="57"/>
      <c r="F254" s="61" t="s">
        <v>830</v>
      </c>
      <c r="G254" s="57" t="s">
        <v>805</v>
      </c>
      <c r="H254" s="57"/>
      <c r="I254" s="61"/>
      <c r="J254" s="61" t="s">
        <v>119</v>
      </c>
      <c r="K254" s="86" t="s">
        <v>96</v>
      </c>
      <c r="L254" s="87" t="s">
        <v>69</v>
      </c>
      <c r="M254" s="87" t="s">
        <v>69</v>
      </c>
      <c r="N254" s="120" t="s">
        <v>882</v>
      </c>
      <c r="O254" s="64" t="s">
        <v>56</v>
      </c>
      <c r="P254" s="64" t="s">
        <v>56</v>
      </c>
      <c r="Q254" s="64" t="s">
        <v>56</v>
      </c>
      <c r="R254" s="64" t="s">
        <v>56</v>
      </c>
      <c r="S254" s="64" t="s">
        <v>56</v>
      </c>
      <c r="T254" s="64" t="s">
        <v>56</v>
      </c>
      <c r="U254" s="64" t="s">
        <v>56</v>
      </c>
      <c r="V254" s="64" t="s">
        <v>56</v>
      </c>
      <c r="W254" s="62"/>
    </row>
    <row r="255" spans="1:23">
      <c r="A255" s="120">
        <v>252</v>
      </c>
      <c r="B255" s="62" t="s">
        <v>797</v>
      </c>
      <c r="C255" s="62" t="s">
        <v>831</v>
      </c>
      <c r="D255" s="72" t="s">
        <v>832</v>
      </c>
      <c r="E255" s="62" t="s">
        <v>799</v>
      </c>
      <c r="F255" s="72" t="s">
        <v>833</v>
      </c>
      <c r="G255" s="62" t="s">
        <v>834</v>
      </c>
      <c r="H255" s="62">
        <v>1988</v>
      </c>
      <c r="I255" s="72"/>
      <c r="J255" s="72" t="s">
        <v>22</v>
      </c>
      <c r="K255" s="62">
        <v>1</v>
      </c>
      <c r="L255" s="65">
        <v>273.8</v>
      </c>
      <c r="M255" s="87" t="s">
        <v>69</v>
      </c>
      <c r="N255" s="120" t="s">
        <v>882</v>
      </c>
      <c r="O255" s="64" t="s">
        <v>56</v>
      </c>
      <c r="P255" s="64" t="s">
        <v>55</v>
      </c>
      <c r="Q255" s="64" t="s">
        <v>55</v>
      </c>
      <c r="R255" s="64" t="s">
        <v>55</v>
      </c>
      <c r="S255" s="64" t="s">
        <v>55</v>
      </c>
      <c r="T255" s="64" t="s">
        <v>55</v>
      </c>
      <c r="U255" s="64" t="s">
        <v>56</v>
      </c>
      <c r="V255" s="64" t="s">
        <v>55</v>
      </c>
      <c r="W255" s="63"/>
    </row>
    <row r="256" spans="1:23" ht="28.8">
      <c r="A256" s="120">
        <v>253</v>
      </c>
      <c r="B256" s="62" t="s">
        <v>797</v>
      </c>
      <c r="C256" s="62" t="s">
        <v>831</v>
      </c>
      <c r="D256" s="72" t="s">
        <v>835</v>
      </c>
      <c r="E256" s="62" t="s">
        <v>799</v>
      </c>
      <c r="F256" s="72" t="s">
        <v>836</v>
      </c>
      <c r="G256" s="62" t="s">
        <v>834</v>
      </c>
      <c r="H256" s="62">
        <v>2024</v>
      </c>
      <c r="I256" s="72"/>
      <c r="J256" s="72" t="s">
        <v>21</v>
      </c>
      <c r="K256" s="62">
        <v>1</v>
      </c>
      <c r="L256" s="65"/>
      <c r="M256" s="72" t="s">
        <v>837</v>
      </c>
      <c r="N256" s="120" t="s">
        <v>882</v>
      </c>
      <c r="O256" s="64" t="s">
        <v>56</v>
      </c>
      <c r="P256" s="64" t="s">
        <v>55</v>
      </c>
      <c r="Q256" s="64" t="s">
        <v>55</v>
      </c>
      <c r="R256" s="64" t="s">
        <v>56</v>
      </c>
      <c r="S256" s="64" t="s">
        <v>56</v>
      </c>
      <c r="T256" s="64" t="s">
        <v>56</v>
      </c>
      <c r="U256" s="64" t="s">
        <v>56</v>
      </c>
      <c r="V256" s="64" t="s">
        <v>56</v>
      </c>
      <c r="W256" s="63"/>
    </row>
    <row r="257" spans="1:23" ht="34.200000000000003" customHeight="1">
      <c r="A257" s="120">
        <v>254</v>
      </c>
      <c r="B257" s="62" t="s">
        <v>797</v>
      </c>
      <c r="C257" s="62" t="s">
        <v>831</v>
      </c>
      <c r="D257" s="72" t="s">
        <v>838</v>
      </c>
      <c r="E257" s="62" t="s">
        <v>799</v>
      </c>
      <c r="F257" s="72" t="s">
        <v>833</v>
      </c>
      <c r="G257" s="62" t="s">
        <v>834</v>
      </c>
      <c r="H257" s="63">
        <v>1972</v>
      </c>
      <c r="I257" s="73"/>
      <c r="J257" s="73" t="s">
        <v>226</v>
      </c>
      <c r="K257" s="63">
        <v>1</v>
      </c>
      <c r="L257" s="66"/>
      <c r="M257" s="63" t="s">
        <v>839</v>
      </c>
      <c r="N257" s="120" t="s">
        <v>882</v>
      </c>
      <c r="O257" s="64" t="s">
        <v>56</v>
      </c>
      <c r="P257" s="64" t="s">
        <v>55</v>
      </c>
      <c r="Q257" s="64" t="s">
        <v>55</v>
      </c>
      <c r="R257" s="64" t="s">
        <v>56</v>
      </c>
      <c r="S257" s="64" t="s">
        <v>56</v>
      </c>
      <c r="T257" s="64" t="s">
        <v>56</v>
      </c>
      <c r="U257" s="64" t="s">
        <v>56</v>
      </c>
      <c r="V257" s="64" t="s">
        <v>56</v>
      </c>
      <c r="W257" s="63"/>
    </row>
    <row r="258" spans="1:23" ht="43.2">
      <c r="A258" s="120">
        <v>255</v>
      </c>
      <c r="B258" s="67" t="s">
        <v>797</v>
      </c>
      <c r="C258" s="67" t="s">
        <v>840</v>
      </c>
      <c r="D258" s="68" t="s">
        <v>841</v>
      </c>
      <c r="E258" s="67"/>
      <c r="F258" s="68" t="s">
        <v>842</v>
      </c>
      <c r="G258" s="67" t="s">
        <v>805</v>
      </c>
      <c r="H258" s="67">
        <v>1990</v>
      </c>
      <c r="I258" s="68"/>
      <c r="J258" s="68" t="s">
        <v>43</v>
      </c>
      <c r="K258" s="69" t="s">
        <v>96</v>
      </c>
      <c r="L258" s="70">
        <v>226000</v>
      </c>
      <c r="M258" s="68" t="s">
        <v>843</v>
      </c>
      <c r="N258" s="120" t="s">
        <v>882</v>
      </c>
      <c r="O258" s="18" t="s">
        <v>56</v>
      </c>
      <c r="P258" s="18" t="s">
        <v>56</v>
      </c>
      <c r="Q258" s="18" t="s">
        <v>56</v>
      </c>
      <c r="R258" s="18" t="s">
        <v>56</v>
      </c>
      <c r="S258" s="18" t="s">
        <v>56</v>
      </c>
      <c r="T258" s="18" t="s">
        <v>56</v>
      </c>
      <c r="U258" s="18" t="s">
        <v>56</v>
      </c>
      <c r="V258" s="18" t="s">
        <v>56</v>
      </c>
      <c r="W258" s="63" t="s">
        <v>844</v>
      </c>
    </row>
  </sheetData>
  <phoneticPr fontId="1"/>
  <dataValidations count="3">
    <dataValidation type="list" allowBlank="1" showInputMessage="1" showErrorMessage="1" sqref="O187:Q190 R186:U190 O191:V258 O4:V185">
      <formula1>"○,×"</formula1>
    </dataValidation>
    <dataValidation type="list" allowBlank="1" showInputMessage="1" showErrorMessage="1" sqref="H167:H171">
      <formula1>"直営,指定管理,委託,貸付,その他"</formula1>
    </dataValidation>
    <dataValidation type="list" allowBlank="1" showInputMessage="1" showErrorMessage="1" sqref="N167:N171">
      <formula1>"有,無"</formula1>
    </dataValidation>
  </dataValidations>
  <printOptions horizontalCentered="1"/>
  <pageMargins left="0.70866141732283472" right="0.70866141732283472" top="0.74803149606299213" bottom="0.74803149606299213" header="0.31496062992125984" footer="0.31496062992125984"/>
  <pageSetup paperSize="8" scale="44" orientation="landscape" cellComments="asDisplayed" r:id="rId1"/>
  <extLst>
    <ext xmlns:x14="http://schemas.microsoft.com/office/spreadsheetml/2009/9/main" uri="{78C0D931-6437-407d-A8EE-F0AAD7539E65}">
      <x14:conditionalFormattings>
        <x14:conditionalFormatting xmlns:xm="http://schemas.microsoft.com/office/excel/2006/main">
          <x14:cfRule type="notContainsText" priority="1" operator="notContains" id="{1CA66D30-C2B5-4157-993B-D72991CC2C03}">
            <xm:f>ISERROR(SEARCH("",M167))</xm:f>
            <xm:f>""</xm:f>
            <x14:dxf>
              <fill>
                <patternFill>
                  <bgColor theme="6"/>
                </patternFill>
              </fill>
            </x14:dxf>
          </x14:cfRule>
          <xm:sqref>M167:M171</xm:sqref>
        </x14:conditionalFormatting>
      </x14:conditionalFormattings>
    </ext>
    <ext xmlns:x14="http://schemas.microsoft.com/office/spreadsheetml/2009/9/main" uri="{CCE6A557-97BC-4b89-ADB6-D9C93CAAB3DF}">
      <x14:dataValidations xmlns:xm="http://schemas.microsoft.com/office/excel/2006/main" count="3">
        <x14:dataValidation type="list" allowBlank="1" showInputMessage="1" showErrorMessage="1">
          <x14:formula1>
            <xm:f>リスト!$A$1:$A$29</xm:f>
          </x14:formula1>
          <xm:sqref>J4:J166 J172:J235 J238:J258</xm:sqref>
        </x14:dataValidation>
        <x14:dataValidation type="list" allowBlank="1" showInputMessage="1" showErrorMessage="1">
          <x14:formula1>
            <xm:f>'\\Kfs01\s0802\group\02-施設Ｇ\22_会議・統計\12_公立スポーツ施設設置状況調査\04_とりまとめ\03_起案（公表用データ）\01_H31との突合依頼（市町村）\01_市町村回答\15_伊勢原市\[14_公表用【その他施設】調査票【伊勢原市再提出】14.XLSX]リスト'!#REF!</xm:f>
          </x14:formula1>
          <xm:sqref>J167:J171</xm:sqref>
        </x14:dataValidation>
        <x14:dataValidation type="list" allowBlank="1" showInputMessage="1" showErrorMessage="1">
          <x14:formula1>
            <xm:f>'R:\group\02_施設G\22_会議・統計\12_公立スポーツ施設設置状況調査\04_とりまとめ\03_起案（公表用データ）\02_起案\[14_公表用【その他施設】調査票14.XLSX]リスト'!#REF!</xm:f>
          </x14:formula1>
          <xm:sqref>J236:J237</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X16"/>
  <sheetViews>
    <sheetView view="pageBreakPreview" zoomScaleNormal="100" zoomScaleSheetLayoutView="100" workbookViewId="0"/>
  </sheetViews>
  <sheetFormatPr defaultRowHeight="14.4"/>
  <cols>
    <col min="1" max="1" width="8.796875" style="21"/>
    <col min="2" max="2" width="9.59765625" style="21" bestFit="1" customWidth="1"/>
    <col min="3" max="4" width="22.59765625" style="22" bestFit="1" customWidth="1"/>
    <col min="5" max="5" width="13.3984375" style="21" bestFit="1" customWidth="1"/>
    <col min="6" max="6" width="23.09765625" style="22" bestFit="1" customWidth="1"/>
    <col min="7" max="7" width="19.296875" style="22" bestFit="1" customWidth="1"/>
    <col min="8" max="8" width="9.69921875" style="21" bestFit="1" customWidth="1"/>
    <col min="9" max="9" width="19.59765625" style="22" customWidth="1"/>
    <col min="10" max="10" width="25.3984375" style="22" customWidth="1"/>
    <col min="11" max="11" width="8.8984375" style="21" bestFit="1" customWidth="1"/>
    <col min="12" max="12" width="19.09765625" style="23" customWidth="1"/>
    <col min="13" max="13" width="25.296875" style="22" customWidth="1"/>
    <col min="14" max="14" width="9.69921875" style="21" bestFit="1" customWidth="1"/>
    <col min="15" max="15" width="11.69921875" style="24" bestFit="1" customWidth="1"/>
    <col min="16" max="18" width="9.59765625" style="24" bestFit="1" customWidth="1"/>
    <col min="19" max="19" width="13.8984375" style="24" bestFit="1" customWidth="1"/>
    <col min="20" max="20" width="11.69921875" style="24" bestFit="1" customWidth="1"/>
    <col min="21" max="21" width="18.296875" style="24" bestFit="1" customWidth="1"/>
    <col min="22" max="22" width="16.09765625" style="24" bestFit="1" customWidth="1"/>
    <col min="23" max="23" width="40.296875" style="21" customWidth="1"/>
    <col min="24" max="24" width="20.5" style="25" bestFit="1" customWidth="1"/>
    <col min="25" max="16384" width="8.796875" style="21"/>
  </cols>
  <sheetData>
    <row r="1" spans="1:24">
      <c r="A1" s="21" t="s">
        <v>78</v>
      </c>
    </row>
    <row r="2" spans="1:24" ht="28.8" customHeight="1">
      <c r="A2" s="29" t="s">
        <v>846</v>
      </c>
      <c r="B2" s="26" t="s">
        <v>4</v>
      </c>
      <c r="C2" s="27"/>
      <c r="D2" s="28" t="s">
        <v>0</v>
      </c>
      <c r="E2" s="29" t="s">
        <v>1</v>
      </c>
      <c r="F2" s="28" t="s">
        <v>2</v>
      </c>
      <c r="G2" s="28" t="s">
        <v>3</v>
      </c>
      <c r="H2" s="28" t="s">
        <v>16</v>
      </c>
      <c r="I2" s="28" t="s">
        <v>845</v>
      </c>
      <c r="J2" s="30" t="s">
        <v>17</v>
      </c>
      <c r="K2" s="29" t="s">
        <v>7</v>
      </c>
      <c r="L2" s="31" t="s">
        <v>10</v>
      </c>
      <c r="M2" s="30" t="s">
        <v>48</v>
      </c>
      <c r="N2" s="29" t="s">
        <v>8</v>
      </c>
      <c r="O2" s="32" t="s">
        <v>18</v>
      </c>
      <c r="P2" s="29" t="s">
        <v>70</v>
      </c>
      <c r="Q2" s="33" t="s">
        <v>71</v>
      </c>
      <c r="R2" s="28" t="s">
        <v>11</v>
      </c>
      <c r="S2" s="33" t="s">
        <v>9</v>
      </c>
      <c r="T2" s="26" t="s">
        <v>12</v>
      </c>
      <c r="U2" s="34"/>
      <c r="V2" s="116" t="s">
        <v>19</v>
      </c>
      <c r="W2" s="117" t="s">
        <v>15</v>
      </c>
      <c r="X2" s="36" t="s">
        <v>74</v>
      </c>
    </row>
    <row r="3" spans="1:24">
      <c r="A3" s="37"/>
      <c r="B3" s="37" t="s">
        <v>5</v>
      </c>
      <c r="C3" s="38" t="s">
        <v>6</v>
      </c>
      <c r="D3" s="39"/>
      <c r="E3" s="37"/>
      <c r="F3" s="39"/>
      <c r="G3" s="39"/>
      <c r="H3" s="37"/>
      <c r="I3" s="39"/>
      <c r="J3" s="40"/>
      <c r="K3" s="37"/>
      <c r="L3" s="41"/>
      <c r="M3" s="40"/>
      <c r="N3" s="42"/>
      <c r="O3" s="43"/>
      <c r="P3" s="42"/>
      <c r="Q3" s="44"/>
      <c r="R3" s="37"/>
      <c r="S3" s="37"/>
      <c r="T3" s="45" t="s">
        <v>13</v>
      </c>
      <c r="U3" s="37" t="s">
        <v>14</v>
      </c>
      <c r="V3" s="35"/>
      <c r="W3" s="35"/>
      <c r="X3" s="46" t="s">
        <v>75</v>
      </c>
    </row>
    <row r="4" spans="1:24" ht="86.4">
      <c r="A4" s="108" t="s">
        <v>1000</v>
      </c>
      <c r="B4" s="108" t="s">
        <v>53</v>
      </c>
      <c r="C4" s="99" t="s">
        <v>54</v>
      </c>
      <c r="D4" s="99" t="s">
        <v>49</v>
      </c>
      <c r="E4" s="108" t="s">
        <v>50</v>
      </c>
      <c r="F4" s="99" t="s">
        <v>51</v>
      </c>
      <c r="G4" s="99" t="s">
        <v>52</v>
      </c>
      <c r="H4" s="108">
        <v>1963</v>
      </c>
      <c r="I4" s="99"/>
      <c r="J4" s="99" t="s">
        <v>34</v>
      </c>
      <c r="K4" s="108" t="s">
        <v>69</v>
      </c>
      <c r="L4" s="16" t="s">
        <v>69</v>
      </c>
      <c r="M4" s="99" t="s">
        <v>105</v>
      </c>
      <c r="N4" s="108" t="s">
        <v>882</v>
      </c>
      <c r="O4" s="96" t="s">
        <v>55</v>
      </c>
      <c r="P4" s="96" t="s">
        <v>55</v>
      </c>
      <c r="Q4" s="96" t="s">
        <v>55</v>
      </c>
      <c r="R4" s="96" t="s">
        <v>55</v>
      </c>
      <c r="S4" s="96" t="s">
        <v>55</v>
      </c>
      <c r="T4" s="96" t="s">
        <v>55</v>
      </c>
      <c r="U4" s="96" t="s">
        <v>55</v>
      </c>
      <c r="V4" s="96" t="s">
        <v>56</v>
      </c>
      <c r="W4" s="99" t="s">
        <v>106</v>
      </c>
      <c r="X4" s="9"/>
    </row>
    <row r="5" spans="1:24" ht="43.2">
      <c r="A5" s="108" t="s">
        <v>1000</v>
      </c>
      <c r="B5" s="108" t="s">
        <v>53</v>
      </c>
      <c r="C5" s="99" t="s">
        <v>54</v>
      </c>
      <c r="D5" s="99" t="s">
        <v>57</v>
      </c>
      <c r="E5" s="108" t="s">
        <v>58</v>
      </c>
      <c r="F5" s="99" t="s">
        <v>59</v>
      </c>
      <c r="G5" s="99" t="s">
        <v>60</v>
      </c>
      <c r="H5" s="108">
        <v>1997</v>
      </c>
      <c r="I5" s="99"/>
      <c r="J5" s="99" t="s">
        <v>76</v>
      </c>
      <c r="K5" s="108">
        <v>2</v>
      </c>
      <c r="L5" s="16" t="s">
        <v>69</v>
      </c>
      <c r="M5" s="99" t="s">
        <v>67</v>
      </c>
      <c r="N5" s="108" t="s">
        <v>882</v>
      </c>
      <c r="O5" s="96" t="s">
        <v>56</v>
      </c>
      <c r="P5" s="96" t="s">
        <v>55</v>
      </c>
      <c r="Q5" s="96" t="s">
        <v>55</v>
      </c>
      <c r="R5" s="96" t="s">
        <v>55</v>
      </c>
      <c r="S5" s="96" t="s">
        <v>56</v>
      </c>
      <c r="T5" s="96" t="s">
        <v>56</v>
      </c>
      <c r="U5" s="96" t="s">
        <v>56</v>
      </c>
      <c r="V5" s="96" t="s">
        <v>55</v>
      </c>
      <c r="W5" s="99" t="s">
        <v>72</v>
      </c>
      <c r="X5" s="9"/>
    </row>
    <row r="6" spans="1:24" ht="43.2">
      <c r="A6" s="108" t="s">
        <v>1000</v>
      </c>
      <c r="B6" s="108" t="s">
        <v>53</v>
      </c>
      <c r="C6" s="99" t="s">
        <v>54</v>
      </c>
      <c r="D6" s="99" t="s">
        <v>57</v>
      </c>
      <c r="E6" s="108" t="s">
        <v>58</v>
      </c>
      <c r="F6" s="99" t="s">
        <v>59</v>
      </c>
      <c r="G6" s="99" t="s">
        <v>60</v>
      </c>
      <c r="H6" s="108">
        <v>1997</v>
      </c>
      <c r="I6" s="99"/>
      <c r="J6" s="99" t="s">
        <v>76</v>
      </c>
      <c r="K6" s="108">
        <v>1</v>
      </c>
      <c r="L6" s="16" t="s">
        <v>69</v>
      </c>
      <c r="M6" s="99" t="s">
        <v>68</v>
      </c>
      <c r="N6" s="108" t="s">
        <v>882</v>
      </c>
      <c r="O6" s="96" t="s">
        <v>55</v>
      </c>
      <c r="P6" s="96" t="s">
        <v>55</v>
      </c>
      <c r="Q6" s="96" t="s">
        <v>55</v>
      </c>
      <c r="R6" s="96" t="s">
        <v>55</v>
      </c>
      <c r="S6" s="96" t="s">
        <v>56</v>
      </c>
      <c r="T6" s="96" t="s">
        <v>55</v>
      </c>
      <c r="U6" s="96" t="s">
        <v>56</v>
      </c>
      <c r="V6" s="96" t="s">
        <v>56</v>
      </c>
      <c r="W6" s="99"/>
      <c r="X6" s="9"/>
    </row>
    <row r="7" spans="1:24" ht="28.8">
      <c r="A7" s="108" t="s">
        <v>1000</v>
      </c>
      <c r="B7" s="108" t="s">
        <v>53</v>
      </c>
      <c r="C7" s="99" t="s">
        <v>54</v>
      </c>
      <c r="D7" s="99" t="s">
        <v>57</v>
      </c>
      <c r="E7" s="108" t="s">
        <v>58</v>
      </c>
      <c r="F7" s="99" t="s">
        <v>59</v>
      </c>
      <c r="G7" s="99" t="s">
        <v>60</v>
      </c>
      <c r="H7" s="108">
        <v>2020</v>
      </c>
      <c r="I7" s="99"/>
      <c r="J7" s="99" t="s">
        <v>76</v>
      </c>
      <c r="K7" s="108">
        <v>2</v>
      </c>
      <c r="L7" s="16" t="s">
        <v>69</v>
      </c>
      <c r="M7" s="99" t="s">
        <v>66</v>
      </c>
      <c r="N7" s="108" t="s">
        <v>882</v>
      </c>
      <c r="O7" s="96" t="s">
        <v>56</v>
      </c>
      <c r="P7" s="96" t="s">
        <v>55</v>
      </c>
      <c r="Q7" s="96" t="s">
        <v>55</v>
      </c>
      <c r="R7" s="96" t="s">
        <v>55</v>
      </c>
      <c r="S7" s="96" t="s">
        <v>56</v>
      </c>
      <c r="T7" s="96" t="s">
        <v>56</v>
      </c>
      <c r="U7" s="96" t="s">
        <v>56</v>
      </c>
      <c r="V7" s="96" t="s">
        <v>56</v>
      </c>
      <c r="W7" s="99"/>
      <c r="X7" s="9"/>
    </row>
    <row r="8" spans="1:24" ht="28.8">
      <c r="A8" s="108" t="s">
        <v>1000</v>
      </c>
      <c r="B8" s="108" t="s">
        <v>53</v>
      </c>
      <c r="C8" s="99" t="s">
        <v>54</v>
      </c>
      <c r="D8" s="99" t="s">
        <v>57</v>
      </c>
      <c r="E8" s="108" t="s">
        <v>58</v>
      </c>
      <c r="F8" s="99" t="s">
        <v>59</v>
      </c>
      <c r="G8" s="99" t="s">
        <v>60</v>
      </c>
      <c r="H8" s="108">
        <v>1997</v>
      </c>
      <c r="I8" s="99"/>
      <c r="J8" s="99" t="s">
        <v>76</v>
      </c>
      <c r="K8" s="108">
        <v>1</v>
      </c>
      <c r="L8" s="16" t="s">
        <v>69</v>
      </c>
      <c r="M8" s="99" t="s">
        <v>73</v>
      </c>
      <c r="N8" s="108" t="s">
        <v>882</v>
      </c>
      <c r="O8" s="96" t="s">
        <v>56</v>
      </c>
      <c r="P8" s="96" t="s">
        <v>55</v>
      </c>
      <c r="Q8" s="96" t="s">
        <v>55</v>
      </c>
      <c r="R8" s="96" t="s">
        <v>55</v>
      </c>
      <c r="S8" s="96" t="s">
        <v>56</v>
      </c>
      <c r="T8" s="96" t="s">
        <v>56</v>
      </c>
      <c r="U8" s="96" t="s">
        <v>56</v>
      </c>
      <c r="V8" s="96" t="s">
        <v>56</v>
      </c>
      <c r="W8" s="99"/>
      <c r="X8" s="9"/>
    </row>
    <row r="9" spans="1:24" s="47" customFormat="1" ht="72">
      <c r="A9" s="108" t="s">
        <v>1000</v>
      </c>
      <c r="B9" s="108" t="s">
        <v>53</v>
      </c>
      <c r="C9" s="99" t="s">
        <v>54</v>
      </c>
      <c r="D9" s="99" t="s">
        <v>61</v>
      </c>
      <c r="E9" s="108" t="s">
        <v>62</v>
      </c>
      <c r="F9" s="99" t="s">
        <v>63</v>
      </c>
      <c r="G9" s="99" t="s">
        <v>64</v>
      </c>
      <c r="H9" s="108">
        <v>1999</v>
      </c>
      <c r="I9" s="99"/>
      <c r="J9" s="99" t="s">
        <v>47</v>
      </c>
      <c r="K9" s="108" t="s">
        <v>69</v>
      </c>
      <c r="L9" s="16" t="s">
        <v>69</v>
      </c>
      <c r="M9" s="99" t="s">
        <v>65</v>
      </c>
      <c r="N9" s="108" t="s">
        <v>882</v>
      </c>
      <c r="O9" s="96" t="s">
        <v>55</v>
      </c>
      <c r="P9" s="96" t="s">
        <v>55</v>
      </c>
      <c r="Q9" s="96" t="s">
        <v>55</v>
      </c>
      <c r="R9" s="96" t="s">
        <v>55</v>
      </c>
      <c r="S9" s="96" t="s">
        <v>56</v>
      </c>
      <c r="T9" s="96" t="s">
        <v>55</v>
      </c>
      <c r="U9" s="96" t="s">
        <v>56</v>
      </c>
      <c r="V9" s="96" t="s">
        <v>56</v>
      </c>
      <c r="W9" s="99"/>
      <c r="X9" s="9"/>
    </row>
    <row r="10" spans="1:24" ht="57.6">
      <c r="A10" s="108" t="s">
        <v>1000</v>
      </c>
      <c r="B10" s="100" t="s">
        <v>53</v>
      </c>
      <c r="C10" s="101" t="s">
        <v>54</v>
      </c>
      <c r="D10" s="101" t="s">
        <v>79</v>
      </c>
      <c r="E10" s="100" t="s">
        <v>80</v>
      </c>
      <c r="F10" s="101" t="s">
        <v>81</v>
      </c>
      <c r="G10" s="101" t="s">
        <v>82</v>
      </c>
      <c r="H10" s="100">
        <v>2020</v>
      </c>
      <c r="I10" s="101"/>
      <c r="J10" s="99" t="s">
        <v>28</v>
      </c>
      <c r="K10" s="100">
        <v>1</v>
      </c>
      <c r="L10" s="48">
        <v>523.70000000000005</v>
      </c>
      <c r="M10" s="49" t="s">
        <v>83</v>
      </c>
      <c r="N10" s="108" t="s">
        <v>882</v>
      </c>
      <c r="O10" s="109" t="s">
        <v>55</v>
      </c>
      <c r="P10" s="109" t="s">
        <v>55</v>
      </c>
      <c r="Q10" s="109" t="s">
        <v>55</v>
      </c>
      <c r="R10" s="109" t="s">
        <v>55</v>
      </c>
      <c r="S10" s="109" t="s">
        <v>55</v>
      </c>
      <c r="T10" s="109" t="s">
        <v>55</v>
      </c>
      <c r="U10" s="109" t="s">
        <v>55</v>
      </c>
      <c r="V10" s="109" t="s">
        <v>56</v>
      </c>
      <c r="W10" s="101" t="s">
        <v>90</v>
      </c>
      <c r="X10" s="20"/>
    </row>
    <row r="11" spans="1:24" ht="28.8">
      <c r="A11" s="108" t="s">
        <v>1000</v>
      </c>
      <c r="B11" s="100" t="s">
        <v>53</v>
      </c>
      <c r="C11" s="101" t="s">
        <v>54</v>
      </c>
      <c r="D11" s="101" t="s">
        <v>79</v>
      </c>
      <c r="E11" s="100" t="s">
        <v>80</v>
      </c>
      <c r="F11" s="101" t="s">
        <v>84</v>
      </c>
      <c r="G11" s="101" t="s">
        <v>82</v>
      </c>
      <c r="H11" s="100">
        <v>2020</v>
      </c>
      <c r="I11" s="101"/>
      <c r="J11" s="99" t="s">
        <v>47</v>
      </c>
      <c r="K11" s="100">
        <v>1</v>
      </c>
      <c r="L11" s="48">
        <v>525.70000000000005</v>
      </c>
      <c r="M11" s="49" t="s">
        <v>85</v>
      </c>
      <c r="N11" s="108" t="s">
        <v>882</v>
      </c>
      <c r="O11" s="109" t="s">
        <v>55</v>
      </c>
      <c r="P11" s="109" t="s">
        <v>55</v>
      </c>
      <c r="Q11" s="109" t="s">
        <v>55</v>
      </c>
      <c r="R11" s="109" t="s">
        <v>55</v>
      </c>
      <c r="S11" s="109" t="s">
        <v>55</v>
      </c>
      <c r="T11" s="109" t="s">
        <v>55</v>
      </c>
      <c r="U11" s="109" t="s">
        <v>55</v>
      </c>
      <c r="V11" s="109" t="s">
        <v>56</v>
      </c>
      <c r="W11" s="101" t="s">
        <v>89</v>
      </c>
      <c r="X11" s="20"/>
    </row>
    <row r="12" spans="1:24" ht="72">
      <c r="A12" s="108" t="s">
        <v>1000</v>
      </c>
      <c r="B12" s="100" t="s">
        <v>53</v>
      </c>
      <c r="C12" s="101" t="s">
        <v>54</v>
      </c>
      <c r="D12" s="101" t="s">
        <v>79</v>
      </c>
      <c r="E12" s="100" t="s">
        <v>80</v>
      </c>
      <c r="F12" s="101" t="s">
        <v>86</v>
      </c>
      <c r="G12" s="101" t="s">
        <v>82</v>
      </c>
      <c r="H12" s="100">
        <v>2020</v>
      </c>
      <c r="I12" s="101"/>
      <c r="J12" s="99" t="s">
        <v>47</v>
      </c>
      <c r="K12" s="100">
        <v>1</v>
      </c>
      <c r="L12" s="48">
        <v>339.1</v>
      </c>
      <c r="M12" s="49" t="s">
        <v>87</v>
      </c>
      <c r="N12" s="108" t="s">
        <v>882</v>
      </c>
      <c r="O12" s="109" t="s">
        <v>55</v>
      </c>
      <c r="P12" s="109" t="s">
        <v>55</v>
      </c>
      <c r="Q12" s="109" t="s">
        <v>55</v>
      </c>
      <c r="R12" s="109" t="s">
        <v>55</v>
      </c>
      <c r="S12" s="109" t="s">
        <v>55</v>
      </c>
      <c r="T12" s="109" t="s">
        <v>55</v>
      </c>
      <c r="U12" s="109" t="s">
        <v>55</v>
      </c>
      <c r="V12" s="109" t="s">
        <v>56</v>
      </c>
      <c r="W12" s="101" t="s">
        <v>88</v>
      </c>
      <c r="X12" s="20"/>
    </row>
    <row r="13" spans="1:24">
      <c r="A13" s="108"/>
      <c r="B13" s="108"/>
      <c r="C13" s="99"/>
      <c r="D13" s="7"/>
      <c r="E13" s="108"/>
      <c r="F13" s="7"/>
      <c r="G13" s="7"/>
      <c r="H13" s="108"/>
      <c r="I13" s="99"/>
      <c r="J13" s="99"/>
      <c r="K13" s="108"/>
      <c r="L13" s="16"/>
      <c r="M13" s="99"/>
      <c r="N13" s="108"/>
      <c r="O13" s="96"/>
      <c r="P13" s="96"/>
      <c r="Q13" s="96"/>
      <c r="R13" s="96"/>
      <c r="S13" s="96"/>
      <c r="T13" s="96"/>
      <c r="U13" s="96"/>
      <c r="V13" s="96"/>
      <c r="W13" s="108"/>
      <c r="X13" s="9"/>
    </row>
    <row r="14" spans="1:24">
      <c r="A14" s="108"/>
      <c r="B14" s="108"/>
      <c r="C14" s="99"/>
      <c r="D14" s="7"/>
      <c r="E14" s="108"/>
      <c r="F14" s="7"/>
      <c r="G14" s="7"/>
      <c r="H14" s="108"/>
      <c r="I14" s="99"/>
      <c r="J14" s="99"/>
      <c r="K14" s="108"/>
      <c r="L14" s="16"/>
      <c r="M14" s="99"/>
      <c r="N14" s="108"/>
      <c r="O14" s="96"/>
      <c r="P14" s="96"/>
      <c r="Q14" s="96"/>
      <c r="R14" s="96"/>
      <c r="S14" s="96"/>
      <c r="T14" s="96"/>
      <c r="U14" s="96"/>
      <c r="V14" s="96"/>
      <c r="W14" s="99"/>
      <c r="X14" s="9"/>
    </row>
    <row r="15" spans="1:24">
      <c r="A15" s="108"/>
      <c r="B15" s="108"/>
      <c r="C15" s="99"/>
      <c r="D15" s="7"/>
      <c r="E15" s="108"/>
      <c r="F15" s="7"/>
      <c r="G15" s="7"/>
      <c r="H15" s="108"/>
      <c r="I15" s="99"/>
      <c r="J15" s="99"/>
      <c r="K15" s="108"/>
      <c r="L15" s="16"/>
      <c r="M15" s="99"/>
      <c r="N15" s="108"/>
      <c r="O15" s="96"/>
      <c r="P15" s="96"/>
      <c r="Q15" s="96"/>
      <c r="R15" s="96"/>
      <c r="S15" s="96"/>
      <c r="T15" s="96"/>
      <c r="U15" s="96"/>
      <c r="V15" s="96"/>
      <c r="W15" s="108"/>
      <c r="X15" s="9"/>
    </row>
    <row r="16" spans="1:24">
      <c r="A16" s="108"/>
      <c r="B16" s="108"/>
      <c r="C16" s="99"/>
      <c r="D16" s="7"/>
      <c r="E16" s="108"/>
      <c r="F16" s="7"/>
      <c r="G16" s="7"/>
      <c r="H16" s="108"/>
      <c r="I16" s="99"/>
      <c r="J16" s="99"/>
      <c r="K16" s="108"/>
      <c r="L16" s="16"/>
      <c r="M16" s="99"/>
      <c r="N16" s="108"/>
      <c r="O16" s="96"/>
      <c r="P16" s="96"/>
      <c r="Q16" s="96"/>
      <c r="R16" s="96"/>
      <c r="S16" s="96"/>
      <c r="T16" s="96"/>
      <c r="U16" s="96"/>
      <c r="V16" s="96"/>
      <c r="W16" s="108"/>
      <c r="X16" s="9"/>
    </row>
  </sheetData>
  <phoneticPr fontId="1"/>
  <dataValidations count="1">
    <dataValidation type="list" allowBlank="1" showInputMessage="1" showErrorMessage="1" sqref="O4:V16">
      <formula1>"○,×"</formula1>
    </dataValidation>
  </dataValidations>
  <printOptions horizontalCentered="1"/>
  <pageMargins left="0.70866141732283472" right="0.70866141732283472" top="0.74803149606299213" bottom="0.74803149606299213" header="0.31496062992125984" footer="0.31496062992125984"/>
  <pageSetup paperSize="8" scale="44" orientation="landscape" cellComments="asDisplayed" r:id="rId1"/>
  <legacy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A$1:$A$29</xm:f>
          </x14:formula1>
          <xm:sqref>J4:J16</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29"/>
  <sheetViews>
    <sheetView topLeftCell="A10" workbookViewId="0"/>
  </sheetViews>
  <sheetFormatPr defaultRowHeight="14.4"/>
  <cols>
    <col min="1" max="1" width="50.8984375" style="1" bestFit="1" customWidth="1"/>
    <col min="2" max="16384" width="8.796875" style="1"/>
  </cols>
  <sheetData>
    <row r="1" spans="1:1">
      <c r="A1" s="1" t="s">
        <v>20</v>
      </c>
    </row>
    <row r="2" spans="1:1">
      <c r="A2" s="1" t="s">
        <v>21</v>
      </c>
    </row>
    <row r="3" spans="1:1">
      <c r="A3" s="1" t="s">
        <v>22</v>
      </c>
    </row>
    <row r="4" spans="1:1">
      <c r="A4" s="1" t="s">
        <v>23</v>
      </c>
    </row>
    <row r="5" spans="1:1">
      <c r="A5" s="1" t="s">
        <v>24</v>
      </c>
    </row>
    <row r="6" spans="1:1">
      <c r="A6" s="1" t="s">
        <v>25</v>
      </c>
    </row>
    <row r="7" spans="1:1">
      <c r="A7" s="1" t="s">
        <v>26</v>
      </c>
    </row>
    <row r="8" spans="1:1">
      <c r="A8" s="1" t="s">
        <v>27</v>
      </c>
    </row>
    <row r="9" spans="1:1">
      <c r="A9" s="1" t="s">
        <v>28</v>
      </c>
    </row>
    <row r="10" spans="1:1">
      <c r="A10" s="1" t="s">
        <v>29</v>
      </c>
    </row>
    <row r="11" spans="1:1">
      <c r="A11" s="1" t="s">
        <v>30</v>
      </c>
    </row>
    <row r="12" spans="1:1">
      <c r="A12" s="1" t="s">
        <v>31</v>
      </c>
    </row>
    <row r="13" spans="1:1">
      <c r="A13" s="1" t="s">
        <v>32</v>
      </c>
    </row>
    <row r="14" spans="1:1">
      <c r="A14" s="1" t="s">
        <v>33</v>
      </c>
    </row>
    <row r="15" spans="1:1">
      <c r="A15" s="1" t="s">
        <v>34</v>
      </c>
    </row>
    <row r="16" spans="1:1">
      <c r="A16" s="1" t="s">
        <v>35</v>
      </c>
    </row>
    <row r="17" spans="1:1">
      <c r="A17" s="1" t="s">
        <v>36</v>
      </c>
    </row>
    <row r="18" spans="1:1">
      <c r="A18" s="1" t="s">
        <v>37</v>
      </c>
    </row>
    <row r="19" spans="1:1">
      <c r="A19" s="1" t="s">
        <v>38</v>
      </c>
    </row>
    <row r="20" spans="1:1">
      <c r="A20" s="1" t="s">
        <v>39</v>
      </c>
    </row>
    <row r="21" spans="1:1">
      <c r="A21" s="1" t="s">
        <v>40</v>
      </c>
    </row>
    <row r="22" spans="1:1">
      <c r="A22" s="1" t="s">
        <v>41</v>
      </c>
    </row>
    <row r="23" spans="1:1">
      <c r="A23" s="1" t="s">
        <v>42</v>
      </c>
    </row>
    <row r="24" spans="1:1">
      <c r="A24" s="1" t="s">
        <v>43</v>
      </c>
    </row>
    <row r="25" spans="1:1">
      <c r="A25" s="1" t="s">
        <v>44</v>
      </c>
    </row>
    <row r="26" spans="1:1">
      <c r="A26" s="1" t="s">
        <v>45</v>
      </c>
    </row>
    <row r="27" spans="1:1">
      <c r="A27" s="1" t="s">
        <v>46</v>
      </c>
    </row>
    <row r="28" spans="1:1">
      <c r="A28" s="1" t="s">
        <v>77</v>
      </c>
    </row>
    <row r="29" spans="1:1">
      <c r="A29" s="1" t="s">
        <v>47</v>
      </c>
    </row>
  </sheetData>
  <sheetProtection selectLockedCells="1" selectUnlockedCells="1"/>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調査票14</vt:lpstr>
      <vt:lpstr>記載例_調査票14</vt:lpstr>
      <vt:lpstr>リスト</vt:lpstr>
      <vt:lpstr>記載例_調査票14!Print_Titles</vt:lpstr>
      <vt:lpstr>調査票14!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ayashi</dc:creator>
  <cp:lastModifiedBy>hayashi</cp:lastModifiedBy>
  <cp:lastPrinted>2025-04-24T04:06:00Z</cp:lastPrinted>
  <dcterms:created xsi:type="dcterms:W3CDTF">2024-06-19T05:05:01Z</dcterms:created>
  <dcterms:modified xsi:type="dcterms:W3CDTF">2025-04-24T04:06:11Z</dcterms:modified>
</cp:coreProperties>
</file>